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3表" sheetId="1" r:id="rId1"/>
  </sheets>
  <externalReferences>
    <externalReference r:id="rId2"/>
  </externalReferences>
  <definedNames>
    <definedName name="__123Graph_A" hidden="1">第13表!#REF!</definedName>
    <definedName name="__123Graph_B" hidden="1">第13表!$Q$8:$Q$15</definedName>
    <definedName name="__123Graph_C" hidden="1">第13表!#REF!</definedName>
    <definedName name="__123Graph_D" hidden="1">第13表!$Q$8:$Q$15</definedName>
    <definedName name="__123Graph_E" hidden="1">第13表!#REF!</definedName>
    <definedName name="__123Graph_F" hidden="1">第13表!$Q$26:$Q$37</definedName>
    <definedName name="_Regression_Int" localSheetId="0" hidden="1">1</definedName>
    <definedName name="\a">第13表!#REF!</definedName>
    <definedName name="_xlnm.Print_Area" localSheetId="0">第13表!$A$1:$CF$57</definedName>
    <definedName name="Print_Area_MI" localSheetId="0">第13表!$AU$3:$AY$41</definedName>
    <definedName name="Print_Titles_MI" localSheetId="0">第13表!$B:$B</definedName>
    <definedName name="デｰタ消去">[1]!デｰタ消去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1" uniqueCount="231">
  <si>
    <t>３．給付状況</t>
    <rPh sb="2" eb="4">
      <t>キュウフ</t>
    </rPh>
    <rPh sb="4" eb="6">
      <t>ジョウキョウ</t>
    </rPh>
    <phoneticPr fontId="4"/>
  </si>
  <si>
    <t>第１３表　月別保険給付状況－１</t>
    <phoneticPr fontId="4"/>
  </si>
  <si>
    <t>(金額は千円単位)</t>
    <phoneticPr fontId="4"/>
  </si>
  <si>
    <t>第１３表　月別保険給付状況－２</t>
    <phoneticPr fontId="4"/>
  </si>
  <si>
    <t>(金額は千円単位)</t>
    <phoneticPr fontId="4"/>
  </si>
  <si>
    <t>第１３表　月別保険給付状況－３</t>
    <phoneticPr fontId="4"/>
  </si>
  <si>
    <t>第１３表　月別保険給付状況－４</t>
    <phoneticPr fontId="4"/>
  </si>
  <si>
    <t>(金額は千円単位)</t>
    <phoneticPr fontId="4"/>
  </si>
  <si>
    <t>第１３表　月別保険給付状況－５</t>
    <phoneticPr fontId="4"/>
  </si>
  <si>
    <t>療        養        の        給         付         等</t>
  </si>
  <si>
    <t>療  　養　　の　　給　　付　　等</t>
    <phoneticPr fontId="4"/>
  </si>
  <si>
    <t>療     養     費     等</t>
  </si>
  <si>
    <t>療養諸費合計</t>
    <phoneticPr fontId="4"/>
  </si>
  <si>
    <t xml:space="preserve">療 養 諸 費 費 用 額 負 担 区 分 </t>
    <phoneticPr fontId="4"/>
  </si>
  <si>
    <t>高  額  療  養  費   (再掲)</t>
    <phoneticPr fontId="4"/>
  </si>
  <si>
    <t>高額介護合算療養費   （再掲）</t>
    <rPh sb="0" eb="2">
      <t>コウガク</t>
    </rPh>
    <rPh sb="2" eb="4">
      <t>カイゴ</t>
    </rPh>
    <rPh sb="4" eb="6">
      <t>ガッサン</t>
    </rPh>
    <rPh sb="6" eb="9">
      <t>リョウヨウヒ</t>
    </rPh>
    <rPh sb="13" eb="15">
      <t>サイケイ</t>
    </rPh>
    <phoneticPr fontId="4"/>
  </si>
  <si>
    <t>そ     の     他     の     保     険     給     付</t>
    <phoneticPr fontId="4"/>
  </si>
  <si>
    <t>保 険 給 付 総 計</t>
    <rPh sb="0" eb="1">
      <t>タモツ</t>
    </rPh>
    <rPh sb="2" eb="3">
      <t>ケン</t>
    </rPh>
    <rPh sb="4" eb="5">
      <t>キュウ</t>
    </rPh>
    <rPh sb="6" eb="7">
      <t>ヅケ</t>
    </rPh>
    <rPh sb="8" eb="9">
      <t>フサ</t>
    </rPh>
    <rPh sb="10" eb="11">
      <t>ケイ</t>
    </rPh>
    <phoneticPr fontId="4"/>
  </si>
  <si>
    <t>療    養    給    付    諸    率</t>
    <phoneticPr fontId="4"/>
  </si>
  <si>
    <t>年度別</t>
  </si>
  <si>
    <t>診　　療　　費</t>
  </si>
  <si>
    <t>調剤</t>
    <rPh sb="0" eb="2">
      <t>チョウザイ</t>
    </rPh>
    <phoneticPr fontId="4"/>
  </si>
  <si>
    <t>食事療養・生活療養</t>
    <rPh sb="5" eb="7">
      <t>セイカツ</t>
    </rPh>
    <rPh sb="7" eb="9">
      <t>リョウヨウ</t>
    </rPh>
    <phoneticPr fontId="4"/>
  </si>
  <si>
    <t>訪問看護</t>
    <phoneticPr fontId="4"/>
  </si>
  <si>
    <t>合計</t>
    <phoneticPr fontId="4"/>
  </si>
  <si>
    <t>食事療養生活療養件数</t>
    <rPh sb="4" eb="6">
      <t>セイカツ</t>
    </rPh>
    <rPh sb="6" eb="8">
      <t>リョウヨウ</t>
    </rPh>
    <rPh sb="8" eb="10">
      <t>ケンスウ</t>
    </rPh>
    <phoneticPr fontId="4"/>
  </si>
  <si>
    <t xml:space="preserve">療     養     費     </t>
  </si>
  <si>
    <t>移送費</t>
    <phoneticPr fontId="4"/>
  </si>
  <si>
    <t>保険者
負担分</t>
    <rPh sb="0" eb="2">
      <t>ホケン</t>
    </rPh>
    <rPh sb="2" eb="3">
      <t>シャ</t>
    </rPh>
    <rPh sb="4" eb="7">
      <t>フタンブン</t>
    </rPh>
    <phoneticPr fontId="4"/>
  </si>
  <si>
    <t>一部負担金</t>
    <phoneticPr fontId="4"/>
  </si>
  <si>
    <t>他方負担分</t>
    <rPh sb="0" eb="2">
      <t>タホウ</t>
    </rPh>
    <rPh sb="2" eb="5">
      <t>フタンブン</t>
    </rPh>
    <phoneticPr fontId="4"/>
  </si>
  <si>
    <t>出産育児一時金</t>
    <phoneticPr fontId="4"/>
  </si>
  <si>
    <t>育 児 手 当</t>
  </si>
  <si>
    <t>葬 祭 手 当</t>
  </si>
  <si>
    <t>傷　病　手　当　金</t>
    <rPh sb="0" eb="1">
      <t>キズ</t>
    </rPh>
    <rPh sb="2" eb="3">
      <t>ビョウ</t>
    </rPh>
    <rPh sb="4" eb="5">
      <t>テ</t>
    </rPh>
    <rPh sb="6" eb="7">
      <t>トウ</t>
    </rPh>
    <rPh sb="8" eb="9">
      <t>キン</t>
    </rPh>
    <phoneticPr fontId="4"/>
  </si>
  <si>
    <t>出　産　手　当　金</t>
    <rPh sb="0" eb="1">
      <t>デ</t>
    </rPh>
    <rPh sb="2" eb="3">
      <t>サン</t>
    </rPh>
    <rPh sb="4" eb="5">
      <t>テ</t>
    </rPh>
    <rPh sb="6" eb="7">
      <t>トウ</t>
    </rPh>
    <rPh sb="8" eb="9">
      <t>キン</t>
    </rPh>
    <phoneticPr fontId="4"/>
  </si>
  <si>
    <t>その他</t>
  </si>
  <si>
    <t>合計</t>
    <phoneticPr fontId="4"/>
  </si>
  <si>
    <t>１００人当たり受診件数</t>
  </si>
  <si>
    <t>１件当たり日数  (日)</t>
  </si>
  <si>
    <t>1日当たり医療費・診療費  (円)</t>
    <rPh sb="5" eb="6">
      <t>イ</t>
    </rPh>
    <rPh sb="9" eb="11">
      <t>シンリョウ</t>
    </rPh>
    <rPh sb="11" eb="12">
      <t>ヒ</t>
    </rPh>
    <phoneticPr fontId="4"/>
  </si>
  <si>
    <t>月  別</t>
  </si>
  <si>
    <t>入院</t>
    <phoneticPr fontId="4"/>
  </si>
  <si>
    <t>入院外</t>
    <phoneticPr fontId="4"/>
  </si>
  <si>
    <t>歯科</t>
    <phoneticPr fontId="4"/>
  </si>
  <si>
    <t>小    計</t>
  </si>
  <si>
    <t>診療費</t>
    <phoneticPr fontId="4"/>
  </si>
  <si>
    <t>補　装　具</t>
    <rPh sb="0" eb="1">
      <t>タスク</t>
    </rPh>
    <rPh sb="2" eb="3">
      <t>ソウ</t>
    </rPh>
    <rPh sb="4" eb="5">
      <t>グ</t>
    </rPh>
    <phoneticPr fontId="4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4"/>
  </si>
  <si>
    <t>アンマ・マッサージ</t>
    <phoneticPr fontId="4"/>
  </si>
  <si>
    <t>ハリ・キュウ</t>
    <phoneticPr fontId="4"/>
  </si>
  <si>
    <t>その他</t>
    <phoneticPr fontId="4"/>
  </si>
  <si>
    <t>計</t>
  </si>
  <si>
    <t xml:space="preserve"> </t>
  </si>
  <si>
    <t xml:space="preserve"> 件数(件)</t>
  </si>
  <si>
    <t>日数 (日)</t>
  </si>
  <si>
    <t>費用額(千円)</t>
  </si>
  <si>
    <t xml:space="preserve">件  数 </t>
    <phoneticPr fontId="4"/>
  </si>
  <si>
    <t xml:space="preserve">日  数 </t>
    <phoneticPr fontId="4"/>
  </si>
  <si>
    <t>費 用 額</t>
    <phoneticPr fontId="4"/>
  </si>
  <si>
    <t xml:space="preserve">件  数 </t>
    <phoneticPr fontId="4"/>
  </si>
  <si>
    <t xml:space="preserve">日  数 </t>
    <phoneticPr fontId="4"/>
  </si>
  <si>
    <t>費 用 額</t>
    <phoneticPr fontId="4"/>
  </si>
  <si>
    <t xml:space="preserve">日  数 </t>
    <phoneticPr fontId="4"/>
  </si>
  <si>
    <t xml:space="preserve">  件  数 (件)</t>
    <phoneticPr fontId="4"/>
  </si>
  <si>
    <t>処方枚数</t>
  </si>
  <si>
    <t xml:space="preserve">件  数 </t>
    <phoneticPr fontId="4"/>
  </si>
  <si>
    <t>費 用 額</t>
    <phoneticPr fontId="4"/>
  </si>
  <si>
    <t xml:space="preserve">件  数 </t>
    <phoneticPr fontId="4"/>
  </si>
  <si>
    <t>件数</t>
    <rPh sb="0" eb="2">
      <t>ケンスウ</t>
    </rPh>
    <phoneticPr fontId="4"/>
  </si>
  <si>
    <t>費用額</t>
    <rPh sb="0" eb="2">
      <t>ヒヨウ</t>
    </rPh>
    <rPh sb="2" eb="3">
      <t>ガク</t>
    </rPh>
    <phoneticPr fontId="4"/>
  </si>
  <si>
    <t xml:space="preserve">件  数 </t>
    <phoneticPr fontId="4"/>
  </si>
  <si>
    <t>件 数</t>
    <phoneticPr fontId="4"/>
  </si>
  <si>
    <t>費用額</t>
  </si>
  <si>
    <t>件  数</t>
    <phoneticPr fontId="4"/>
  </si>
  <si>
    <t>件数</t>
  </si>
  <si>
    <t>件  数</t>
    <phoneticPr fontId="4"/>
  </si>
  <si>
    <t>費 用 額</t>
    <phoneticPr fontId="4"/>
  </si>
  <si>
    <t>歯科</t>
  </si>
  <si>
    <t>入院外</t>
    <phoneticPr fontId="4"/>
  </si>
  <si>
    <t>合計</t>
    <rPh sb="0" eb="2">
      <t>ゴウケイ</t>
    </rPh>
    <phoneticPr fontId="4"/>
  </si>
  <si>
    <t>平成　８年度</t>
    <phoneticPr fontId="4"/>
  </si>
  <si>
    <t>平成　８年度</t>
    <phoneticPr fontId="4"/>
  </si>
  <si>
    <t>平成　８年度</t>
    <phoneticPr fontId="4"/>
  </si>
  <si>
    <t>-</t>
  </si>
  <si>
    <t>平成10年度</t>
    <phoneticPr fontId="4"/>
  </si>
  <si>
    <t>平成10年度</t>
    <phoneticPr fontId="4"/>
  </si>
  <si>
    <t>―</t>
    <phoneticPr fontId="4"/>
  </si>
  <si>
    <t>―</t>
    <phoneticPr fontId="4"/>
  </si>
  <si>
    <t>―</t>
    <phoneticPr fontId="4"/>
  </si>
  <si>
    <t>―</t>
    <phoneticPr fontId="4"/>
  </si>
  <si>
    <t>平成10年度</t>
    <phoneticPr fontId="4"/>
  </si>
  <si>
    <t>―</t>
    <phoneticPr fontId="4"/>
  </si>
  <si>
    <t>―</t>
    <phoneticPr fontId="4"/>
  </si>
  <si>
    <t>平成10年度</t>
    <rPh sb="4" eb="6">
      <t>ネンド</t>
    </rPh>
    <phoneticPr fontId="4"/>
  </si>
  <si>
    <t>―</t>
    <phoneticPr fontId="4"/>
  </si>
  <si>
    <t>平成10年度</t>
    <rPh sb="4" eb="5">
      <t>ネン</t>
    </rPh>
    <phoneticPr fontId="4"/>
  </si>
  <si>
    <t>平成11年度</t>
  </si>
  <si>
    <t>平成11年度</t>
    <phoneticPr fontId="4"/>
  </si>
  <si>
    <t>平成11年度</t>
    <phoneticPr fontId="4"/>
  </si>
  <si>
    <t>平成11年度</t>
    <phoneticPr fontId="4"/>
  </si>
  <si>
    <t>平成11年度</t>
    <rPh sb="4" eb="5">
      <t>ネン</t>
    </rPh>
    <phoneticPr fontId="4"/>
  </si>
  <si>
    <t>平成12年度</t>
  </si>
  <si>
    <t>平成12年度</t>
    <phoneticPr fontId="4"/>
  </si>
  <si>
    <t>平成12年度</t>
    <phoneticPr fontId="4"/>
  </si>
  <si>
    <t>平成12年度</t>
    <phoneticPr fontId="4"/>
  </si>
  <si>
    <t>平成12年度</t>
    <rPh sb="4" eb="6">
      <t>ネンド</t>
    </rPh>
    <phoneticPr fontId="4"/>
  </si>
  <si>
    <t>平成14年度</t>
    <phoneticPr fontId="4"/>
  </si>
  <si>
    <t>―</t>
  </si>
  <si>
    <t>平成14年度</t>
    <phoneticPr fontId="4"/>
  </si>
  <si>
    <t>平成14年度</t>
    <rPh sb="4" eb="6">
      <t>ネンド</t>
    </rPh>
    <phoneticPr fontId="4"/>
  </si>
  <si>
    <t>平成15年度</t>
    <phoneticPr fontId="4"/>
  </si>
  <si>
    <t>平成15年度</t>
    <phoneticPr fontId="4"/>
  </si>
  <si>
    <t>平成15年度</t>
    <phoneticPr fontId="4"/>
  </si>
  <si>
    <t>平成15年度</t>
    <phoneticPr fontId="4"/>
  </si>
  <si>
    <t>平成16年度</t>
    <phoneticPr fontId="4"/>
  </si>
  <si>
    <t>平成16年度</t>
    <phoneticPr fontId="4"/>
  </si>
  <si>
    <t>平成16年度</t>
    <phoneticPr fontId="4"/>
  </si>
  <si>
    <t>平成16年度</t>
    <rPh sb="4" eb="5">
      <t>ネン</t>
    </rPh>
    <phoneticPr fontId="4"/>
  </si>
  <si>
    <t>平成17年度</t>
    <phoneticPr fontId="4"/>
  </si>
  <si>
    <t>平成17年度</t>
    <phoneticPr fontId="4"/>
  </si>
  <si>
    <t>平成17年度</t>
    <phoneticPr fontId="4"/>
  </si>
  <si>
    <t>平成18年度</t>
    <phoneticPr fontId="4"/>
  </si>
  <si>
    <t>平成18年度</t>
    <phoneticPr fontId="4"/>
  </si>
  <si>
    <t>平成18年度</t>
    <phoneticPr fontId="4"/>
  </si>
  <si>
    <t>平成19年度</t>
    <phoneticPr fontId="4"/>
  </si>
  <si>
    <t>平成19年度</t>
    <phoneticPr fontId="4"/>
  </si>
  <si>
    <t>平成19年度</t>
    <phoneticPr fontId="4"/>
  </si>
  <si>
    <t>平成20年度</t>
    <phoneticPr fontId="4"/>
  </si>
  <si>
    <t>平成20年度</t>
    <phoneticPr fontId="4"/>
  </si>
  <si>
    <t>平成20年度</t>
    <phoneticPr fontId="4"/>
  </si>
  <si>
    <t>平成20年度</t>
    <phoneticPr fontId="4"/>
  </si>
  <si>
    <t>平成21年度</t>
    <phoneticPr fontId="4"/>
  </si>
  <si>
    <t>平成21年度</t>
    <phoneticPr fontId="4"/>
  </si>
  <si>
    <t>平成21年度</t>
    <phoneticPr fontId="4"/>
  </si>
  <si>
    <t>平成22年度</t>
    <phoneticPr fontId="4"/>
  </si>
  <si>
    <t>平成22年度</t>
    <phoneticPr fontId="4"/>
  </si>
  <si>
    <t>平成22年度</t>
    <phoneticPr fontId="4"/>
  </si>
  <si>
    <t>平成22年度</t>
    <phoneticPr fontId="4"/>
  </si>
  <si>
    <t>平成23年度</t>
    <phoneticPr fontId="4"/>
  </si>
  <si>
    <t>平成23年度</t>
    <phoneticPr fontId="4"/>
  </si>
  <si>
    <t>平成23年度</t>
    <phoneticPr fontId="4"/>
  </si>
  <si>
    <t>平成23年度</t>
    <phoneticPr fontId="4"/>
  </si>
  <si>
    <t>平成24年度</t>
    <phoneticPr fontId="4"/>
  </si>
  <si>
    <t>平成24年度</t>
    <phoneticPr fontId="4"/>
  </si>
  <si>
    <t>平成25年度</t>
    <rPh sb="0" eb="2">
      <t>ヘイセイ</t>
    </rPh>
    <rPh sb="4" eb="6">
      <t>ネンド</t>
    </rPh>
    <phoneticPr fontId="4"/>
  </si>
  <si>
    <t>平成26年度</t>
  </si>
  <si>
    <t>平成27年度</t>
    <phoneticPr fontId="4"/>
  </si>
  <si>
    <t>平成27年度</t>
  </si>
  <si>
    <t>平成28年度</t>
    <phoneticPr fontId="4"/>
  </si>
  <si>
    <t>平成28年度</t>
    <phoneticPr fontId="4"/>
  </si>
  <si>
    <t>市町村</t>
    <rPh sb="0" eb="3">
      <t>シチョウソン</t>
    </rPh>
    <phoneticPr fontId="4"/>
  </si>
  <si>
    <t>非表示</t>
    <rPh sb="0" eb="3">
      <t>ヒヒョウジ</t>
    </rPh>
    <phoneticPr fontId="4"/>
  </si>
  <si>
    <t>平成28年度</t>
    <rPh sb="4" eb="6">
      <t>ネンド</t>
    </rPh>
    <phoneticPr fontId="4"/>
  </si>
  <si>
    <t>28年 3月</t>
    <phoneticPr fontId="4"/>
  </si>
  <si>
    <t>28年 3月</t>
    <phoneticPr fontId="4"/>
  </si>
  <si>
    <t>28年 3月</t>
    <phoneticPr fontId="4"/>
  </si>
  <si>
    <t>28年 3月</t>
    <phoneticPr fontId="4"/>
  </si>
  <si>
    <t>28年 3月</t>
    <phoneticPr fontId="4"/>
  </si>
  <si>
    <t>28年 4月</t>
    <phoneticPr fontId="4"/>
  </si>
  <si>
    <t>28年 4月</t>
    <phoneticPr fontId="4"/>
  </si>
  <si>
    <t>28年 4月</t>
    <phoneticPr fontId="4"/>
  </si>
  <si>
    <t>28年 5月</t>
    <phoneticPr fontId="4"/>
  </si>
  <si>
    <t>28年 5月</t>
    <phoneticPr fontId="4"/>
  </si>
  <si>
    <t>28年 5月</t>
    <phoneticPr fontId="4"/>
  </si>
  <si>
    <t>28年 6月</t>
    <phoneticPr fontId="4"/>
  </si>
  <si>
    <t>28年 6月</t>
    <phoneticPr fontId="4"/>
  </si>
  <si>
    <t>28年 6月</t>
    <phoneticPr fontId="4"/>
  </si>
  <si>
    <t>28年 6月</t>
    <phoneticPr fontId="4"/>
  </si>
  <si>
    <t>28年 6月</t>
    <phoneticPr fontId="4"/>
  </si>
  <si>
    <t>28年 7月</t>
    <phoneticPr fontId="4"/>
  </si>
  <si>
    <t>28年 7月</t>
    <phoneticPr fontId="4"/>
  </si>
  <si>
    <t>28年 7月</t>
    <phoneticPr fontId="4"/>
  </si>
  <si>
    <t>28年 8月</t>
    <phoneticPr fontId="4"/>
  </si>
  <si>
    <t>28年 8月</t>
    <phoneticPr fontId="4"/>
  </si>
  <si>
    <t>28年 9月</t>
    <phoneticPr fontId="4"/>
  </si>
  <si>
    <t>28年 9月</t>
    <phoneticPr fontId="4"/>
  </si>
  <si>
    <t>28年 9月</t>
    <phoneticPr fontId="4"/>
  </si>
  <si>
    <t>28年 9月</t>
    <phoneticPr fontId="4"/>
  </si>
  <si>
    <t>28年 10月</t>
    <phoneticPr fontId="4"/>
  </si>
  <si>
    <t>28年 10月</t>
    <phoneticPr fontId="4"/>
  </si>
  <si>
    <t>28年 10月</t>
    <phoneticPr fontId="4"/>
  </si>
  <si>
    <t>28年 10月</t>
    <phoneticPr fontId="4"/>
  </si>
  <si>
    <t>28年 11月</t>
    <phoneticPr fontId="4"/>
  </si>
  <si>
    <t>28年 11月</t>
    <phoneticPr fontId="4"/>
  </si>
  <si>
    <t>28年 11月</t>
    <phoneticPr fontId="4"/>
  </si>
  <si>
    <t>28年 12月</t>
    <phoneticPr fontId="4"/>
  </si>
  <si>
    <t>28年 12月</t>
    <phoneticPr fontId="4"/>
  </si>
  <si>
    <t>28年 12月</t>
    <phoneticPr fontId="4"/>
  </si>
  <si>
    <t>29年 1月</t>
    <phoneticPr fontId="4"/>
  </si>
  <si>
    <t>29年 1月</t>
    <phoneticPr fontId="4"/>
  </si>
  <si>
    <t>29年 1月</t>
    <phoneticPr fontId="4"/>
  </si>
  <si>
    <t>29年 2月</t>
    <phoneticPr fontId="4"/>
  </si>
  <si>
    <t>29年 2月</t>
    <phoneticPr fontId="4"/>
  </si>
  <si>
    <t>国保組合</t>
    <rPh sb="0" eb="2">
      <t>コクホ</t>
    </rPh>
    <rPh sb="2" eb="4">
      <t>クミアイ</t>
    </rPh>
    <phoneticPr fontId="4"/>
  </si>
  <si>
    <t>28年 4月</t>
    <phoneticPr fontId="4"/>
  </si>
  <si>
    <t>28年 4月</t>
    <phoneticPr fontId="4"/>
  </si>
  <si>
    <t>28年 5月</t>
    <phoneticPr fontId="4"/>
  </si>
  <si>
    <t>28年 5月</t>
    <phoneticPr fontId="4"/>
  </si>
  <si>
    <t>28年 5月</t>
    <phoneticPr fontId="4"/>
  </si>
  <si>
    <t>28年 6月</t>
    <phoneticPr fontId="4"/>
  </si>
  <si>
    <t>28年 6月</t>
    <phoneticPr fontId="4"/>
  </si>
  <si>
    <t>28年 7月</t>
    <phoneticPr fontId="4"/>
  </si>
  <si>
    <t>28年 7月</t>
    <phoneticPr fontId="4"/>
  </si>
  <si>
    <t>28年 7月</t>
    <phoneticPr fontId="4"/>
  </si>
  <si>
    <t>28年 7月</t>
    <phoneticPr fontId="4"/>
  </si>
  <si>
    <t>28年 8月</t>
    <phoneticPr fontId="4"/>
  </si>
  <si>
    <t>28年 8月</t>
    <phoneticPr fontId="4"/>
  </si>
  <si>
    <t>28年 8月</t>
    <phoneticPr fontId="4"/>
  </si>
  <si>
    <t>28年 9月</t>
    <phoneticPr fontId="4"/>
  </si>
  <si>
    <t>28年 9月</t>
    <phoneticPr fontId="4"/>
  </si>
  <si>
    <t>28年 9月</t>
    <phoneticPr fontId="4"/>
  </si>
  <si>
    <t>28年 9月</t>
    <phoneticPr fontId="4"/>
  </si>
  <si>
    <t>28年 10月</t>
    <phoneticPr fontId="4"/>
  </si>
  <si>
    <t>28年 10月</t>
    <phoneticPr fontId="4"/>
  </si>
  <si>
    <t>28年 10月</t>
    <phoneticPr fontId="4"/>
  </si>
  <si>
    <t>28年 11月</t>
    <phoneticPr fontId="4"/>
  </si>
  <si>
    <t>28年 11月</t>
    <phoneticPr fontId="4"/>
  </si>
  <si>
    <t>28年 12月</t>
    <phoneticPr fontId="4"/>
  </si>
  <si>
    <t>28年 12月</t>
    <phoneticPr fontId="4"/>
  </si>
  <si>
    <t>29年 1月</t>
    <phoneticPr fontId="4"/>
  </si>
  <si>
    <t>29年 1月</t>
    <phoneticPr fontId="4"/>
  </si>
  <si>
    <t>29年 1月</t>
    <phoneticPr fontId="4"/>
  </si>
  <si>
    <t>29年 2月</t>
    <phoneticPr fontId="4"/>
  </si>
  <si>
    <t>29年 2月</t>
    <phoneticPr fontId="4"/>
  </si>
  <si>
    <t>29年 2月</t>
    <phoneticPr fontId="4"/>
  </si>
  <si>
    <t>29年 3月</t>
    <phoneticPr fontId="4"/>
  </si>
  <si>
    <t>29年 3月</t>
    <phoneticPr fontId="4"/>
  </si>
  <si>
    <t>29年 3月</t>
    <phoneticPr fontId="4"/>
  </si>
  <si>
    <t>（注）平成19年度以前は一日当たり診療費、平成20年度以降は一日当たり医療費である。入院の医療費には食事療養・生活療養、入院外の医療費には調剤の医療費をそれぞれ合算しており、訪問看護は</t>
    <phoneticPr fontId="4"/>
  </si>
  <si>
    <t>　　　計のみに計上している。（療養費等は医療費に含まない。）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.000_);[Red]\(0.000\)"/>
    <numFmt numFmtId="177" formatCode="0.00_);[Red]\(0.00\)"/>
    <numFmt numFmtId="178" formatCode="#,##0.000;\-#,##0.000"/>
    <numFmt numFmtId="179" formatCode="0.000"/>
  </numFmts>
  <fonts count="9" x14ac:knownFonts="1">
    <font>
      <sz val="11"/>
      <name val="ＭＳ 明朝"/>
      <family val="1"/>
      <charset val="128"/>
    </font>
    <font>
      <sz val="14"/>
      <name val="Terminal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7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</borders>
  <cellStyleXfs count="2">
    <xf numFmtId="0" fontId="0" fillId="0" borderId="0"/>
    <xf numFmtId="37" fontId="1" fillId="0" borderId="0"/>
  </cellStyleXfs>
  <cellXfs count="311">
    <xf numFmtId="0" fontId="0" fillId="0" borderId="0" xfId="0"/>
    <xf numFmtId="37" fontId="2" fillId="0" borderId="0" xfId="1" quotePrefix="1" applyFont="1" applyFill="1" applyAlignment="1"/>
    <xf numFmtId="37" fontId="5" fillId="0" borderId="0" xfId="1" applyFont="1" applyFill="1" applyAlignment="1"/>
    <xf numFmtId="37" fontId="2" fillId="0" borderId="0" xfId="1" applyFont="1" applyFill="1" applyAlignment="1"/>
    <xf numFmtId="37" fontId="5" fillId="0" borderId="0" xfId="1" quotePrefix="1" applyFont="1" applyFill="1" applyBorder="1" applyAlignment="1">
      <alignment horizontal="right"/>
    </xf>
    <xf numFmtId="37" fontId="6" fillId="0" borderId="1" xfId="1" applyFont="1" applyFill="1" applyBorder="1" applyAlignment="1"/>
    <xf numFmtId="0" fontId="7" fillId="0" borderId="3" xfId="0" applyFont="1" applyFill="1" applyBorder="1" applyAlignment="1"/>
    <xf numFmtId="0" fontId="7" fillId="0" borderId="4" xfId="0" applyFont="1" applyFill="1" applyBorder="1" applyAlignment="1"/>
    <xf numFmtId="37" fontId="6" fillId="0" borderId="3" xfId="1" applyFont="1" applyFill="1" applyBorder="1" applyAlignment="1">
      <alignment horizontal="centerContinuous"/>
    </xf>
    <xf numFmtId="37" fontId="6" fillId="0" borderId="3" xfId="1" applyFont="1" applyFill="1" applyBorder="1" applyAlignment="1" applyProtection="1">
      <alignment horizontal="centerContinuous"/>
    </xf>
    <xf numFmtId="37" fontId="6" fillId="0" borderId="4" xfId="1" applyFont="1" applyFill="1" applyBorder="1" applyAlignment="1">
      <alignment horizontal="centerContinuous"/>
    </xf>
    <xf numFmtId="37" fontId="6" fillId="0" borderId="0" xfId="1" applyFont="1" applyFill="1" applyAlignment="1"/>
    <xf numFmtId="37" fontId="6" fillId="0" borderId="9" xfId="1" applyFont="1" applyFill="1" applyBorder="1" applyAlignment="1" applyProtection="1">
      <alignment horizontal="center"/>
    </xf>
    <xf numFmtId="37" fontId="6" fillId="0" borderId="10" xfId="1" applyFont="1" applyFill="1" applyBorder="1" applyAlignment="1">
      <alignment horizontal="centerContinuous"/>
    </xf>
    <xf numFmtId="37" fontId="6" fillId="0" borderId="11" xfId="1" applyFont="1" applyFill="1" applyBorder="1" applyAlignment="1">
      <alignment horizontal="centerContinuous"/>
    </xf>
    <xf numFmtId="37" fontId="6" fillId="0" borderId="11" xfId="1" applyFont="1" applyFill="1" applyBorder="1" applyAlignment="1" applyProtection="1">
      <alignment horizontal="centerContinuous"/>
    </xf>
    <xf numFmtId="37" fontId="6" fillId="0" borderId="27" xfId="1" applyFont="1" applyFill="1" applyBorder="1" applyAlignment="1" applyProtection="1">
      <alignment horizontal="center"/>
    </xf>
    <xf numFmtId="37" fontId="6" fillId="0" borderId="10" xfId="1" applyFont="1" applyFill="1" applyBorder="1" applyAlignment="1" applyProtection="1">
      <alignment horizontal="centerContinuous"/>
    </xf>
    <xf numFmtId="37" fontId="6" fillId="0" borderId="33" xfId="1" applyFont="1" applyFill="1" applyBorder="1" applyAlignment="1" applyProtection="1">
      <alignment horizontal="left"/>
    </xf>
    <xf numFmtId="37" fontId="6" fillId="0" borderId="34" xfId="1" applyFont="1" applyFill="1" applyBorder="1" applyAlignment="1" applyProtection="1">
      <alignment horizontal="center"/>
    </xf>
    <xf numFmtId="37" fontId="6" fillId="0" borderId="35" xfId="1" applyFont="1" applyFill="1" applyBorder="1" applyAlignment="1" applyProtection="1">
      <alignment horizontal="center"/>
    </xf>
    <xf numFmtId="37" fontId="6" fillId="0" borderId="36" xfId="1" applyFont="1" applyFill="1" applyBorder="1" applyAlignment="1" applyProtection="1">
      <alignment horizontal="center"/>
    </xf>
    <xf numFmtId="37" fontId="6" fillId="0" borderId="37" xfId="1" applyFont="1" applyFill="1" applyBorder="1" applyAlignment="1" applyProtection="1">
      <alignment horizontal="center"/>
    </xf>
    <xf numFmtId="37" fontId="6" fillId="0" borderId="38" xfId="1" applyFont="1" applyFill="1" applyBorder="1" applyAlignment="1" applyProtection="1">
      <alignment horizontal="center"/>
    </xf>
    <xf numFmtId="37" fontId="6" fillId="0" borderId="39" xfId="1" applyFont="1" applyFill="1" applyBorder="1" applyAlignment="1" applyProtection="1">
      <alignment horizontal="center"/>
    </xf>
    <xf numFmtId="37" fontId="6" fillId="0" borderId="40" xfId="1" applyFont="1" applyFill="1" applyBorder="1" applyAlignment="1" applyProtection="1">
      <alignment horizontal="center"/>
    </xf>
    <xf numFmtId="37" fontId="6" fillId="0" borderId="41" xfId="1" applyFont="1" applyFill="1" applyBorder="1" applyAlignment="1" applyProtection="1">
      <alignment horizontal="center"/>
    </xf>
    <xf numFmtId="37" fontId="6" fillId="0" borderId="43" xfId="1" applyFont="1" applyFill="1" applyBorder="1" applyAlignment="1" applyProtection="1">
      <alignment horizontal="center"/>
    </xf>
    <xf numFmtId="37" fontId="6" fillId="0" borderId="44" xfId="1" applyFont="1" applyFill="1" applyBorder="1" applyAlignment="1" applyProtection="1">
      <alignment horizontal="center"/>
    </xf>
    <xf numFmtId="37" fontId="6" fillId="0" borderId="40" xfId="1" applyFont="1" applyFill="1" applyBorder="1" applyAlignment="1" applyProtection="1">
      <alignment horizontal="distributed" justifyLastLine="1"/>
    </xf>
    <xf numFmtId="37" fontId="6" fillId="0" borderId="34" xfId="1" applyFont="1" applyFill="1" applyBorder="1" applyAlignment="1" applyProtection="1">
      <alignment horizontal="distributed" justifyLastLine="1"/>
    </xf>
    <xf numFmtId="37" fontId="6" fillId="0" borderId="39" xfId="1" applyFont="1" applyFill="1" applyBorder="1" applyAlignment="1" applyProtection="1">
      <alignment horizontal="distributed" justifyLastLine="1"/>
    </xf>
    <xf numFmtId="37" fontId="6" fillId="0" borderId="45" xfId="1" applyFont="1" applyFill="1" applyBorder="1" applyAlignment="1">
      <alignment horizontal="distributed"/>
    </xf>
    <xf numFmtId="37" fontId="6" fillId="0" borderId="46" xfId="1" applyFont="1" applyFill="1" applyBorder="1" applyAlignment="1"/>
    <xf numFmtId="37" fontId="6" fillId="0" borderId="47" xfId="1" applyFont="1" applyFill="1" applyBorder="1" applyAlignment="1"/>
    <xf numFmtId="37" fontId="6" fillId="0" borderId="46" xfId="1" quotePrefix="1" applyFont="1" applyFill="1" applyBorder="1" applyAlignment="1">
      <alignment horizontal="right"/>
    </xf>
    <xf numFmtId="37" fontId="6" fillId="0" borderId="46" xfId="1" quotePrefix="1" applyFont="1" applyFill="1" applyBorder="1" applyAlignment="1">
      <alignment horizontal="center"/>
    </xf>
    <xf numFmtId="37" fontId="6" fillId="0" borderId="0" xfId="1" applyFont="1" applyFill="1" applyBorder="1" applyAlignment="1"/>
    <xf numFmtId="37" fontId="6" fillId="0" borderId="48" xfId="1" applyFont="1" applyFill="1" applyBorder="1" applyAlignment="1" applyProtection="1">
      <alignment horizontal="distributed" justifyLastLine="1"/>
      <protection locked="0"/>
    </xf>
    <xf numFmtId="37" fontId="6" fillId="0" borderId="49" xfId="1" applyFont="1" applyFill="1" applyBorder="1" applyAlignment="1"/>
    <xf numFmtId="37" fontId="6" fillId="0" borderId="19" xfId="1" applyFont="1" applyFill="1" applyBorder="1" applyAlignment="1"/>
    <xf numFmtId="37" fontId="6" fillId="0" borderId="28" xfId="1" applyFont="1" applyFill="1" applyBorder="1" applyAlignment="1" applyProtection="1">
      <protection locked="0"/>
    </xf>
    <xf numFmtId="37" fontId="6" fillId="0" borderId="10" xfId="1" applyFont="1" applyFill="1" applyBorder="1" applyAlignment="1" applyProtection="1">
      <protection locked="0"/>
    </xf>
    <xf numFmtId="37" fontId="6" fillId="0" borderId="50" xfId="1" applyFont="1" applyFill="1" applyBorder="1" applyAlignment="1" applyProtection="1">
      <protection locked="0"/>
    </xf>
    <xf numFmtId="37" fontId="6" fillId="0" borderId="51" xfId="1" applyFont="1" applyFill="1" applyBorder="1" applyAlignment="1"/>
    <xf numFmtId="37" fontId="6" fillId="0" borderId="52" xfId="1" applyFont="1" applyFill="1" applyBorder="1" applyAlignment="1"/>
    <xf numFmtId="37" fontId="6" fillId="0" borderId="22" xfId="1" applyFont="1" applyFill="1" applyBorder="1" applyAlignment="1"/>
    <xf numFmtId="37" fontId="6" fillId="0" borderId="20" xfId="1" applyFont="1" applyFill="1" applyBorder="1" applyAlignment="1"/>
    <xf numFmtId="37" fontId="6" fillId="0" borderId="53" xfId="1" applyFont="1" applyFill="1" applyBorder="1" applyAlignment="1"/>
    <xf numFmtId="176" fontId="6" fillId="0" borderId="22" xfId="1" applyNumberFormat="1" applyFont="1" applyFill="1" applyBorder="1" applyAlignment="1"/>
    <xf numFmtId="176" fontId="6" fillId="0" borderId="49" xfId="1" applyNumberFormat="1" applyFont="1" applyFill="1" applyBorder="1" applyAlignment="1"/>
    <xf numFmtId="177" fontId="6" fillId="0" borderId="49" xfId="1" applyNumberFormat="1" applyFont="1" applyFill="1" applyBorder="1" applyAlignment="1">
      <alignment horizontal="right"/>
    </xf>
    <xf numFmtId="177" fontId="6" fillId="0" borderId="49" xfId="1" applyNumberFormat="1" applyFont="1" applyFill="1" applyBorder="1" applyAlignment="1"/>
    <xf numFmtId="37" fontId="6" fillId="0" borderId="54" xfId="1" applyFont="1" applyFill="1" applyBorder="1" applyAlignment="1"/>
    <xf numFmtId="37" fontId="6" fillId="0" borderId="49" xfId="1" applyFont="1" applyFill="1" applyBorder="1" applyAlignment="1">
      <alignment horizontal="center"/>
    </xf>
    <xf numFmtId="37" fontId="6" fillId="0" borderId="52" xfId="1" applyFont="1" applyFill="1" applyBorder="1" applyAlignment="1">
      <alignment horizontal="center"/>
    </xf>
    <xf numFmtId="37" fontId="6" fillId="0" borderId="54" xfId="1" applyFont="1" applyFill="1" applyBorder="1" applyAlignment="1" applyProtection="1">
      <protection locked="0"/>
    </xf>
    <xf numFmtId="37" fontId="6" fillId="0" borderId="19" xfId="1" applyFont="1" applyFill="1" applyBorder="1" applyAlignment="1" applyProtection="1">
      <protection locked="0"/>
    </xf>
    <xf numFmtId="37" fontId="6" fillId="0" borderId="52" xfId="1" applyFont="1" applyFill="1" applyBorder="1" applyAlignment="1" applyProtection="1">
      <protection locked="0"/>
    </xf>
    <xf numFmtId="178" fontId="6" fillId="0" borderId="22" xfId="1" applyNumberFormat="1" applyFont="1" applyFill="1" applyBorder="1" applyAlignment="1"/>
    <xf numFmtId="178" fontId="6" fillId="0" borderId="49" xfId="1" applyNumberFormat="1" applyFont="1" applyFill="1" applyBorder="1" applyAlignment="1"/>
    <xf numFmtId="39" fontId="6" fillId="0" borderId="49" xfId="1" applyNumberFormat="1" applyFont="1" applyFill="1" applyBorder="1" applyAlignment="1">
      <alignment horizontal="right"/>
    </xf>
    <xf numFmtId="39" fontId="6" fillId="0" borderId="49" xfId="1" applyNumberFormat="1" applyFont="1" applyFill="1" applyBorder="1" applyAlignment="1"/>
    <xf numFmtId="37" fontId="6" fillId="0" borderId="12" xfId="1" applyFont="1" applyFill="1" applyBorder="1" applyAlignment="1" applyProtection="1">
      <protection locked="0"/>
    </xf>
    <xf numFmtId="37" fontId="6" fillId="0" borderId="17" xfId="1" applyFont="1" applyFill="1" applyBorder="1" applyAlignment="1" applyProtection="1">
      <protection locked="0"/>
    </xf>
    <xf numFmtId="37" fontId="6" fillId="0" borderId="26" xfId="1" applyFont="1" applyFill="1" applyBorder="1" applyAlignment="1" applyProtection="1">
      <protection locked="0"/>
    </xf>
    <xf numFmtId="37" fontId="6" fillId="0" borderId="18" xfId="1" applyFont="1" applyFill="1" applyBorder="1" applyAlignment="1" applyProtection="1">
      <alignment horizontal="distributed" justifyLastLine="1"/>
      <protection locked="0"/>
    </xf>
    <xf numFmtId="37" fontId="6" fillId="0" borderId="15" xfId="1" applyFont="1" applyFill="1" applyBorder="1" applyAlignment="1" applyProtection="1">
      <protection locked="0"/>
    </xf>
    <xf numFmtId="37" fontId="6" fillId="0" borderId="27" xfId="1" applyFont="1" applyFill="1" applyBorder="1" applyAlignment="1" applyProtection="1">
      <protection locked="0"/>
    </xf>
    <xf numFmtId="37" fontId="6" fillId="0" borderId="32" xfId="1" applyFont="1" applyFill="1" applyBorder="1" applyAlignment="1" applyProtection="1">
      <protection locked="0"/>
    </xf>
    <xf numFmtId="37" fontId="6" fillId="0" borderId="31" xfId="1" applyFont="1" applyFill="1" applyBorder="1" applyAlignment="1" applyProtection="1">
      <protection locked="0"/>
    </xf>
    <xf numFmtId="37" fontId="6" fillId="0" borderId="31" xfId="1" applyFont="1" applyFill="1" applyBorder="1" applyAlignment="1" applyProtection="1">
      <alignment horizontal="right"/>
      <protection locked="0"/>
    </xf>
    <xf numFmtId="37" fontId="6" fillId="0" borderId="0" xfId="1" applyFont="1" applyFill="1" applyBorder="1" applyAlignment="1" applyProtection="1">
      <alignment horizontal="right"/>
      <protection locked="0"/>
    </xf>
    <xf numFmtId="37" fontId="6" fillId="0" borderId="15" xfId="1" applyFont="1" applyFill="1" applyBorder="1" applyAlignment="1" applyProtection="1">
      <alignment horizontal="right"/>
      <protection locked="0"/>
    </xf>
    <xf numFmtId="37" fontId="6" fillId="0" borderId="9" xfId="1" applyFont="1" applyFill="1" applyBorder="1" applyAlignment="1" applyProtection="1">
      <protection locked="0"/>
    </xf>
    <xf numFmtId="37" fontId="6" fillId="0" borderId="15" xfId="1" applyFont="1" applyFill="1" applyBorder="1" applyAlignment="1" applyProtection="1"/>
    <xf numFmtId="37" fontId="6" fillId="0" borderId="32" xfId="1" applyFont="1" applyFill="1" applyBorder="1" applyAlignment="1" applyProtection="1"/>
    <xf numFmtId="37" fontId="6" fillId="0" borderId="0" xfId="1" applyFont="1" applyFill="1" applyBorder="1" applyAlignment="1" applyProtection="1">
      <protection locked="0"/>
    </xf>
    <xf numFmtId="37" fontId="6" fillId="0" borderId="15" xfId="1" applyFont="1" applyFill="1" applyBorder="1" applyAlignment="1" applyProtection="1">
      <alignment horizontal="center"/>
      <protection locked="0"/>
    </xf>
    <xf numFmtId="178" fontId="6" fillId="0" borderId="0" xfId="1" applyNumberFormat="1" applyFont="1" applyFill="1" applyBorder="1" applyAlignment="1" applyProtection="1">
      <protection locked="0"/>
    </xf>
    <xf numFmtId="178" fontId="6" fillId="0" borderId="15" xfId="1" applyNumberFormat="1" applyFont="1" applyFill="1" applyBorder="1" applyAlignment="1" applyProtection="1">
      <protection locked="0"/>
    </xf>
    <xf numFmtId="39" fontId="6" fillId="0" borderId="25" xfId="1" applyNumberFormat="1" applyFont="1" applyFill="1" applyBorder="1" applyAlignment="1">
      <alignment horizontal="right"/>
    </xf>
    <xf numFmtId="39" fontId="6" fillId="0" borderId="25" xfId="1" applyNumberFormat="1" applyFont="1" applyFill="1" applyBorder="1" applyAlignment="1"/>
    <xf numFmtId="37" fontId="6" fillId="0" borderId="15" xfId="1" applyNumberFormat="1" applyFont="1" applyFill="1" applyBorder="1" applyAlignment="1" applyProtection="1">
      <protection locked="0"/>
    </xf>
    <xf numFmtId="37" fontId="6" fillId="0" borderId="51" xfId="1" applyFont="1" applyFill="1" applyBorder="1" applyAlignment="1" applyProtection="1">
      <alignment horizontal="distributed" justifyLastLine="1"/>
      <protection locked="0"/>
    </xf>
    <xf numFmtId="37" fontId="6" fillId="0" borderId="49" xfId="1" applyFont="1" applyFill="1" applyBorder="1" applyAlignment="1" applyProtection="1">
      <protection locked="0"/>
    </xf>
    <xf numFmtId="37" fontId="6" fillId="0" borderId="49" xfId="1" applyFont="1" applyFill="1" applyBorder="1" applyAlignment="1" applyProtection="1">
      <alignment horizontal="right"/>
      <protection locked="0"/>
    </xf>
    <xf numFmtId="37" fontId="6" fillId="0" borderId="20" xfId="1" applyFont="1" applyFill="1" applyBorder="1" applyAlignment="1" applyProtection="1">
      <alignment horizontal="right"/>
      <protection locked="0"/>
    </xf>
    <xf numFmtId="37" fontId="6" fillId="0" borderId="19" xfId="1" applyFont="1" applyFill="1" applyBorder="1" applyAlignment="1" applyProtection="1">
      <alignment horizontal="right"/>
      <protection locked="0"/>
    </xf>
    <xf numFmtId="37" fontId="6" fillId="0" borderId="51" xfId="1" applyFont="1" applyFill="1" applyBorder="1" applyAlignment="1" applyProtection="1">
      <protection locked="0"/>
    </xf>
    <xf numFmtId="37" fontId="6" fillId="0" borderId="19" xfId="1" applyFont="1" applyFill="1" applyBorder="1" applyAlignment="1" applyProtection="1"/>
    <xf numFmtId="37" fontId="6" fillId="0" borderId="52" xfId="1" applyFont="1" applyFill="1" applyBorder="1" applyAlignment="1" applyProtection="1"/>
    <xf numFmtId="37" fontId="6" fillId="0" borderId="20" xfId="1" applyFont="1" applyFill="1" applyBorder="1" applyAlignment="1" applyProtection="1">
      <protection locked="0"/>
    </xf>
    <xf numFmtId="37" fontId="6" fillId="0" borderId="19" xfId="1" applyFont="1" applyFill="1" applyBorder="1" applyAlignment="1" applyProtection="1">
      <alignment horizontal="center"/>
      <protection locked="0"/>
    </xf>
    <xf numFmtId="178" fontId="6" fillId="0" borderId="20" xfId="1" applyNumberFormat="1" applyFont="1" applyFill="1" applyBorder="1" applyAlignment="1" applyProtection="1">
      <protection locked="0"/>
    </xf>
    <xf numFmtId="178" fontId="6" fillId="0" borderId="19" xfId="1" applyNumberFormat="1" applyFont="1" applyFill="1" applyBorder="1" applyAlignment="1" applyProtection="1">
      <protection locked="0"/>
    </xf>
    <xf numFmtId="37" fontId="6" fillId="0" borderId="19" xfId="1" applyNumberFormat="1" applyFont="1" applyFill="1" applyBorder="1" applyAlignment="1" applyProtection="1">
      <protection locked="0"/>
    </xf>
    <xf numFmtId="37" fontId="6" fillId="0" borderId="9" xfId="1" applyFont="1" applyFill="1" applyBorder="1" applyAlignment="1" applyProtection="1">
      <alignment horizontal="distributed" justifyLastLine="1"/>
      <protection locked="0"/>
    </xf>
    <xf numFmtId="39" fontId="6" fillId="0" borderId="31" xfId="1" applyNumberFormat="1" applyFont="1" applyFill="1" applyBorder="1" applyAlignment="1">
      <alignment horizontal="right"/>
    </xf>
    <xf numFmtId="39" fontId="6" fillId="0" borderId="31" xfId="1" applyNumberFormat="1" applyFont="1" applyFill="1" applyBorder="1" applyAlignment="1"/>
    <xf numFmtId="37" fontId="6" fillId="0" borderId="52" xfId="1" applyFont="1" applyFill="1" applyBorder="1" applyAlignment="1">
      <alignment horizontal="right"/>
    </xf>
    <xf numFmtId="37" fontId="6" fillId="0" borderId="49" xfId="1" applyFont="1" applyFill="1" applyBorder="1" applyAlignment="1">
      <alignment horizontal="right"/>
    </xf>
    <xf numFmtId="37" fontId="6" fillId="0" borderId="19" xfId="1" applyFont="1" applyFill="1" applyBorder="1" applyAlignment="1" applyProtection="1">
      <alignment horizontal="right"/>
    </xf>
    <xf numFmtId="37" fontId="6" fillId="0" borderId="52" xfId="1" applyFont="1" applyFill="1" applyBorder="1" applyAlignment="1" applyProtection="1">
      <alignment horizontal="right"/>
    </xf>
    <xf numFmtId="37" fontId="6" fillId="0" borderId="52" xfId="1" applyFont="1" applyFill="1" applyBorder="1" applyAlignment="1" applyProtection="1">
      <alignment horizontal="right"/>
      <protection locked="0"/>
    </xf>
    <xf numFmtId="37" fontId="6" fillId="0" borderId="54" xfId="1" applyFont="1" applyFill="1" applyBorder="1" applyAlignment="1" applyProtection="1">
      <alignment horizontal="right"/>
      <protection locked="0"/>
    </xf>
    <xf numFmtId="178" fontId="6" fillId="0" borderId="49" xfId="1" applyNumberFormat="1" applyFont="1" applyFill="1" applyBorder="1" applyAlignment="1" applyProtection="1">
      <protection locked="0"/>
    </xf>
    <xf numFmtId="37" fontId="6" fillId="0" borderId="11" xfId="1" applyFont="1" applyFill="1" applyBorder="1" applyAlignment="1"/>
    <xf numFmtId="37" fontId="6" fillId="0" borderId="50" xfId="1" applyFont="1" applyFill="1" applyBorder="1" applyAlignment="1"/>
    <xf numFmtId="37" fontId="6" fillId="0" borderId="11" xfId="1" applyFont="1" applyFill="1" applyBorder="1" applyAlignment="1" applyProtection="1">
      <protection locked="0"/>
    </xf>
    <xf numFmtId="37" fontId="6" fillId="0" borderId="10" xfId="1" applyFont="1" applyFill="1" applyBorder="1" applyAlignment="1" applyProtection="1">
      <alignment horizontal="center"/>
      <protection locked="0"/>
    </xf>
    <xf numFmtId="37" fontId="6" fillId="0" borderId="55" xfId="1" applyFont="1" applyFill="1" applyBorder="1" applyAlignment="1"/>
    <xf numFmtId="37" fontId="6" fillId="0" borderId="55" xfId="1" applyFont="1" applyFill="1" applyBorder="1" applyAlignment="1" applyProtection="1">
      <protection locked="0"/>
    </xf>
    <xf numFmtId="37" fontId="6" fillId="0" borderId="48" xfId="1" applyFont="1" applyFill="1" applyBorder="1" applyAlignment="1" applyProtection="1">
      <protection locked="0"/>
    </xf>
    <xf numFmtId="178" fontId="6" fillId="0" borderId="11" xfId="1" applyNumberFormat="1" applyFont="1" applyFill="1" applyBorder="1" applyAlignment="1" applyProtection="1">
      <protection locked="0"/>
    </xf>
    <xf numFmtId="178" fontId="6" fillId="0" borderId="10" xfId="1" applyNumberFormat="1" applyFont="1" applyFill="1" applyBorder="1" applyAlignment="1" applyProtection="1">
      <protection locked="0"/>
    </xf>
    <xf numFmtId="39" fontId="6" fillId="0" borderId="55" xfId="1" applyNumberFormat="1" applyFont="1" applyFill="1" applyBorder="1" applyAlignment="1">
      <alignment horizontal="right"/>
    </xf>
    <xf numFmtId="39" fontId="6" fillId="0" borderId="55" xfId="1" applyNumberFormat="1" applyFont="1" applyFill="1" applyBorder="1" applyAlignment="1"/>
    <xf numFmtId="37" fontId="6" fillId="0" borderId="10" xfId="1" applyNumberFormat="1" applyFont="1" applyFill="1" applyBorder="1" applyAlignment="1" applyProtection="1">
      <protection locked="0"/>
    </xf>
    <xf numFmtId="37" fontId="6" fillId="0" borderId="27" xfId="1" applyFont="1" applyFill="1" applyBorder="1" applyAlignment="1"/>
    <xf numFmtId="37" fontId="6" fillId="0" borderId="15" xfId="1" applyFont="1" applyFill="1" applyBorder="1" applyAlignment="1"/>
    <xf numFmtId="37" fontId="6" fillId="0" borderId="32" xfId="1" applyFont="1" applyFill="1" applyBorder="1" applyAlignment="1"/>
    <xf numFmtId="37" fontId="6" fillId="0" borderId="18" xfId="1" applyFont="1" applyFill="1" applyBorder="1" applyAlignment="1"/>
    <xf numFmtId="37" fontId="6" fillId="0" borderId="31" xfId="1" applyFont="1" applyFill="1" applyBorder="1" applyAlignment="1"/>
    <xf numFmtId="37" fontId="6" fillId="0" borderId="19" xfId="1" applyNumberFormat="1" applyFont="1" applyFill="1" applyBorder="1" applyAlignment="1" applyProtection="1">
      <alignment horizontal="right"/>
      <protection locked="0"/>
    </xf>
    <xf numFmtId="37" fontId="6" fillId="0" borderId="52" xfId="1" applyNumberFormat="1" applyFont="1" applyFill="1" applyBorder="1" applyAlignment="1" applyProtection="1">
      <alignment horizontal="right"/>
      <protection locked="0"/>
    </xf>
    <xf numFmtId="37" fontId="6" fillId="0" borderId="9" xfId="1" applyFont="1" applyFill="1" applyBorder="1" applyAlignment="1"/>
    <xf numFmtId="37" fontId="6" fillId="0" borderId="15" xfId="1" applyNumberFormat="1" applyFont="1" applyFill="1" applyBorder="1" applyAlignment="1" applyProtection="1">
      <alignment horizontal="right"/>
      <protection locked="0"/>
    </xf>
    <xf numFmtId="37" fontId="6" fillId="0" borderId="32" xfId="1" applyNumberFormat="1" applyFont="1" applyFill="1" applyBorder="1" applyAlignment="1" applyProtection="1">
      <alignment horizontal="right"/>
      <protection locked="0"/>
    </xf>
    <xf numFmtId="37" fontId="5" fillId="0" borderId="40" xfId="1" applyFont="1" applyFill="1" applyBorder="1" applyAlignment="1" applyProtection="1">
      <alignment horizontal="distributed"/>
      <protection locked="0"/>
    </xf>
    <xf numFmtId="37" fontId="5" fillId="0" borderId="0" xfId="1" applyFont="1" applyFill="1" applyBorder="1" applyAlignment="1" applyProtection="1">
      <protection locked="0"/>
    </xf>
    <xf numFmtId="37" fontId="5" fillId="0" borderId="40" xfId="1" applyFont="1" applyFill="1" applyBorder="1" applyAlignment="1" applyProtection="1">
      <protection locked="0"/>
    </xf>
    <xf numFmtId="37" fontId="5" fillId="0" borderId="0" xfId="1" applyFont="1" applyFill="1" applyBorder="1" applyAlignment="1" applyProtection="1">
      <alignment horizontal="right"/>
      <protection locked="0"/>
    </xf>
    <xf numFmtId="37" fontId="5" fillId="0" borderId="0" xfId="1" applyFont="1" applyFill="1" applyBorder="1" applyAlignment="1" applyProtection="1"/>
    <xf numFmtId="37" fontId="5" fillId="0" borderId="62" xfId="1" applyFont="1" applyFill="1" applyBorder="1" applyAlignment="1" applyProtection="1"/>
    <xf numFmtId="37" fontId="5" fillId="0" borderId="0" xfId="1" applyFont="1" applyFill="1" applyBorder="1" applyAlignment="1" applyProtection="1">
      <alignment horizontal="center"/>
      <protection locked="0"/>
    </xf>
    <xf numFmtId="179" fontId="5" fillId="0" borderId="0" xfId="1" applyNumberFormat="1" applyFont="1" applyFill="1" applyBorder="1" applyAlignment="1" applyProtection="1">
      <protection locked="0"/>
    </xf>
    <xf numFmtId="2" fontId="5" fillId="0" borderId="0" xfId="1" applyNumberFormat="1" applyFont="1" applyFill="1" applyBorder="1" applyAlignment="1" applyProtection="1">
      <protection locked="0"/>
    </xf>
    <xf numFmtId="37" fontId="5" fillId="0" borderId="0" xfId="1" applyNumberFormat="1" applyFont="1" applyFill="1" applyBorder="1" applyAlignment="1" applyProtection="1">
      <protection locked="0"/>
    </xf>
    <xf numFmtId="37" fontId="5" fillId="0" borderId="0" xfId="1" applyFont="1" applyFill="1" applyBorder="1" applyAlignment="1"/>
    <xf numFmtId="37" fontId="8" fillId="0" borderId="27" xfId="1" applyFont="1" applyFill="1" applyBorder="1" applyAlignment="1" applyProtection="1">
      <alignment horizontal="distributed"/>
      <protection locked="0"/>
    </xf>
    <xf numFmtId="37" fontId="8" fillId="0" borderId="0" xfId="1" applyFont="1" applyFill="1" applyBorder="1" applyAlignment="1" applyProtection="1">
      <protection locked="0"/>
    </xf>
    <xf numFmtId="37" fontId="8" fillId="0" borderId="63" xfId="1" applyFont="1" applyFill="1" applyBorder="1" applyAlignment="1" applyProtection="1">
      <protection locked="0"/>
    </xf>
    <xf numFmtId="37" fontId="8" fillId="0" borderId="23" xfId="1" applyFont="1" applyFill="1" applyBorder="1" applyAlignment="1" applyProtection="1">
      <protection locked="0"/>
    </xf>
    <xf numFmtId="37" fontId="8" fillId="0" borderId="15" xfId="1" applyFont="1" applyFill="1" applyBorder="1" applyAlignment="1" applyProtection="1">
      <protection locked="0"/>
    </xf>
    <xf numFmtId="37" fontId="8" fillId="0" borderId="27" xfId="1" applyFont="1" applyFill="1" applyBorder="1" applyAlignment="1" applyProtection="1">
      <protection locked="0"/>
    </xf>
    <xf numFmtId="37" fontId="8" fillId="0" borderId="16" xfId="1" applyFont="1" applyFill="1" applyBorder="1" applyAlignment="1" applyProtection="1">
      <protection locked="0"/>
    </xf>
    <xf numFmtId="37" fontId="8" fillId="0" borderId="0" xfId="1" applyFont="1" applyFill="1" applyBorder="1" applyAlignment="1"/>
    <xf numFmtId="37" fontId="6" fillId="0" borderId="48" xfId="1" quotePrefix="1" applyFont="1" applyFill="1" applyBorder="1" applyAlignment="1" applyProtection="1">
      <alignment horizontal="distributed" justifyLastLine="1"/>
    </xf>
    <xf numFmtId="37" fontId="6" fillId="0" borderId="10" xfId="1" applyFont="1" applyFill="1" applyBorder="1" applyAlignment="1" applyProtection="1"/>
    <xf numFmtId="37" fontId="6" fillId="0" borderId="55" xfId="1" applyFont="1" applyFill="1" applyBorder="1" applyAlignment="1" applyProtection="1"/>
    <xf numFmtId="37" fontId="6" fillId="0" borderId="28" xfId="1" applyFont="1" applyFill="1" applyBorder="1" applyAlignment="1" applyProtection="1"/>
    <xf numFmtId="37" fontId="6" fillId="0" borderId="50" xfId="1" applyFont="1" applyFill="1" applyBorder="1" applyAlignment="1" applyProtection="1"/>
    <xf numFmtId="37" fontId="6" fillId="0" borderId="11" xfId="1" applyFont="1" applyFill="1" applyBorder="1" applyAlignment="1" applyProtection="1">
      <alignment horizontal="right"/>
    </xf>
    <xf numFmtId="37" fontId="6" fillId="0" borderId="10" xfId="1" applyFont="1" applyFill="1" applyBorder="1" applyAlignment="1" applyProtection="1">
      <alignment horizontal="right"/>
    </xf>
    <xf numFmtId="37" fontId="6" fillId="0" borderId="55" xfId="1" applyFont="1" applyFill="1" applyBorder="1" applyAlignment="1" applyProtection="1">
      <alignment horizontal="right"/>
    </xf>
    <xf numFmtId="37" fontId="6" fillId="0" borderId="48" xfId="1" applyFont="1" applyFill="1" applyBorder="1" applyAlignment="1" applyProtection="1"/>
    <xf numFmtId="37" fontId="6" fillId="0" borderId="11" xfId="1" applyFont="1" applyFill="1" applyBorder="1" applyAlignment="1" applyProtection="1"/>
    <xf numFmtId="37" fontId="6" fillId="0" borderId="10" xfId="1" applyFont="1" applyFill="1" applyBorder="1" applyAlignment="1" applyProtection="1">
      <alignment horizontal="center"/>
    </xf>
    <xf numFmtId="179" fontId="6" fillId="0" borderId="11" xfId="1" applyNumberFormat="1" applyFont="1" applyFill="1" applyBorder="1" applyAlignment="1" applyProtection="1"/>
    <xf numFmtId="179" fontId="6" fillId="0" borderId="10" xfId="1" applyNumberFormat="1" applyFont="1" applyFill="1" applyBorder="1" applyAlignment="1" applyProtection="1"/>
    <xf numFmtId="2" fontId="6" fillId="0" borderId="10" xfId="1" applyNumberFormat="1" applyFont="1" applyFill="1" applyBorder="1" applyAlignment="1" applyProtection="1"/>
    <xf numFmtId="37" fontId="6" fillId="0" borderId="10" xfId="1" applyNumberFormat="1" applyFont="1" applyFill="1" applyBorder="1" applyAlignment="1" applyProtection="1"/>
    <xf numFmtId="37" fontId="6" fillId="0" borderId="51" xfId="1" quotePrefix="1" applyFont="1" applyFill="1" applyBorder="1" applyAlignment="1" applyProtection="1">
      <alignment horizontal="distributed" justifyLastLine="1"/>
    </xf>
    <xf numFmtId="37" fontId="6" fillId="0" borderId="68" xfId="1" quotePrefix="1" applyFont="1" applyFill="1" applyBorder="1" applyAlignment="1" applyProtection="1">
      <alignment horizontal="distributed" justifyLastLine="1"/>
    </xf>
    <xf numFmtId="37" fontId="6" fillId="0" borderId="69" xfId="1" applyFont="1" applyFill="1" applyBorder="1" applyAlignment="1" applyProtection="1"/>
    <xf numFmtId="37" fontId="6" fillId="0" borderId="70" xfId="1" applyFont="1" applyFill="1" applyBorder="1" applyAlignment="1" applyProtection="1"/>
    <xf numFmtId="37" fontId="6" fillId="0" borderId="71" xfId="1" applyFont="1" applyFill="1" applyBorder="1" applyAlignment="1" applyProtection="1"/>
    <xf numFmtId="37" fontId="6" fillId="0" borderId="72" xfId="1" applyFont="1" applyFill="1" applyBorder="1" applyAlignment="1" applyProtection="1"/>
    <xf numFmtId="37" fontId="6" fillId="0" borderId="73" xfId="1" applyFont="1" applyFill="1" applyBorder="1" applyAlignment="1" applyProtection="1">
      <alignment horizontal="right"/>
    </xf>
    <xf numFmtId="37" fontId="6" fillId="0" borderId="70" xfId="1" applyFont="1" applyFill="1" applyBorder="1" applyAlignment="1" applyProtection="1">
      <alignment horizontal="right"/>
    </xf>
    <xf numFmtId="37" fontId="6" fillId="0" borderId="69" xfId="1" applyFont="1" applyFill="1" applyBorder="1" applyAlignment="1" applyProtection="1">
      <alignment horizontal="right"/>
    </xf>
    <xf numFmtId="37" fontId="6" fillId="0" borderId="68" xfId="1" applyFont="1" applyFill="1" applyBorder="1" applyAlignment="1" applyProtection="1"/>
    <xf numFmtId="37" fontId="6" fillId="0" borderId="73" xfId="1" applyFont="1" applyFill="1" applyBorder="1" applyAlignment="1" applyProtection="1"/>
    <xf numFmtId="37" fontId="6" fillId="0" borderId="70" xfId="1" applyFont="1" applyFill="1" applyBorder="1" applyAlignment="1" applyProtection="1">
      <alignment horizontal="center"/>
    </xf>
    <xf numFmtId="179" fontId="6" fillId="0" borderId="73" xfId="1" applyNumberFormat="1" applyFont="1" applyFill="1" applyBorder="1" applyAlignment="1" applyProtection="1"/>
    <xf numFmtId="179" fontId="6" fillId="0" borderId="70" xfId="1" applyNumberFormat="1" applyFont="1" applyFill="1" applyBorder="1" applyAlignment="1" applyProtection="1"/>
    <xf numFmtId="2" fontId="6" fillId="0" borderId="70" xfId="1" applyNumberFormat="1" applyFont="1" applyFill="1" applyBorder="1" applyAlignment="1" applyProtection="1"/>
    <xf numFmtId="37" fontId="6" fillId="0" borderId="70" xfId="1" applyNumberFormat="1" applyFont="1" applyFill="1" applyBorder="1" applyAlignment="1" applyProtection="1"/>
    <xf numFmtId="37" fontId="5" fillId="0" borderId="74" xfId="1" applyFont="1" applyFill="1" applyBorder="1" applyAlignment="1" applyProtection="1">
      <alignment horizontal="distributed"/>
      <protection locked="0"/>
    </xf>
    <xf numFmtId="37" fontId="5" fillId="0" borderId="74" xfId="1" applyFont="1" applyFill="1" applyBorder="1" applyAlignment="1" applyProtection="1">
      <protection locked="0"/>
    </xf>
    <xf numFmtId="37" fontId="5" fillId="0" borderId="74" xfId="1" applyFont="1" applyFill="1" applyBorder="1" applyAlignment="1" applyProtection="1">
      <alignment horizontal="right"/>
      <protection locked="0"/>
    </xf>
    <xf numFmtId="37" fontId="5" fillId="0" borderId="40" xfId="1" applyFont="1" applyFill="1" applyBorder="1" applyAlignment="1" applyProtection="1"/>
    <xf numFmtId="37" fontId="5" fillId="0" borderId="74" xfId="1" applyFont="1" applyFill="1" applyBorder="1" applyAlignment="1" applyProtection="1"/>
    <xf numFmtId="37" fontId="8" fillId="0" borderId="0" xfId="1" applyFont="1" applyFill="1" applyAlignment="1"/>
    <xf numFmtId="37" fontId="6" fillId="0" borderId="49" xfId="1" applyFont="1" applyFill="1" applyBorder="1" applyAlignment="1" applyProtection="1"/>
    <xf numFmtId="37" fontId="5" fillId="0" borderId="0" xfId="1" quotePrefix="1" applyFont="1" applyFill="1" applyBorder="1" applyAlignment="1" applyProtection="1">
      <alignment horizontal="distributed" justifyLastLine="1"/>
    </xf>
    <xf numFmtId="37" fontId="5" fillId="0" borderId="0" xfId="1" applyFont="1" applyFill="1" applyBorder="1" applyAlignment="1" applyProtection="1">
      <alignment horizontal="right"/>
    </xf>
    <xf numFmtId="37" fontId="5" fillId="0" borderId="0" xfId="1" applyFont="1" applyFill="1" applyBorder="1" applyAlignment="1" applyProtection="1">
      <alignment horizontal="center"/>
    </xf>
    <xf numFmtId="37" fontId="5" fillId="0" borderId="0" xfId="1" applyFont="1" applyFill="1" applyBorder="1" applyAlignment="1" applyProtection="1">
      <alignment horizontal="left" justifyLastLine="1"/>
    </xf>
    <xf numFmtId="179" fontId="5" fillId="0" borderId="0" xfId="1" applyNumberFormat="1" applyFont="1" applyFill="1" applyBorder="1" applyAlignment="1" applyProtection="1"/>
    <xf numFmtId="2" fontId="5" fillId="0" borderId="0" xfId="1" applyNumberFormat="1" applyFont="1" applyFill="1" applyBorder="1" applyAlignment="1" applyProtection="1"/>
    <xf numFmtId="37" fontId="5" fillId="0" borderId="0" xfId="1" applyNumberFormat="1" applyFont="1" applyFill="1" applyBorder="1" applyAlignment="1" applyProtection="1"/>
    <xf numFmtId="37" fontId="6" fillId="0" borderId="56" xfId="1" applyFont="1" applyFill="1" applyBorder="1" applyAlignment="1" applyProtection="1">
      <alignment horizontal="distributed" justifyLastLine="1"/>
      <protection locked="0"/>
    </xf>
    <xf numFmtId="37" fontId="6" fillId="0" borderId="57" xfId="1" applyFont="1" applyFill="1" applyBorder="1" applyAlignment="1" applyProtection="1">
      <protection locked="0"/>
    </xf>
    <xf numFmtId="37" fontId="6" fillId="0" borderId="58" xfId="1" applyFont="1" applyFill="1" applyBorder="1" applyAlignment="1" applyProtection="1">
      <protection locked="0"/>
    </xf>
    <xf numFmtId="37" fontId="6" fillId="0" borderId="59" xfId="1" applyFont="1" applyFill="1" applyBorder="1" applyAlignment="1" applyProtection="1">
      <protection locked="0"/>
    </xf>
    <xf numFmtId="37" fontId="6" fillId="0" borderId="60" xfId="1" applyFont="1" applyFill="1" applyBorder="1" applyAlignment="1" applyProtection="1">
      <protection locked="0"/>
    </xf>
    <xf numFmtId="37" fontId="6" fillId="0" borderId="60" xfId="1" applyFont="1" applyFill="1" applyBorder="1" applyAlignment="1" applyProtection="1">
      <alignment horizontal="right"/>
      <protection locked="0"/>
    </xf>
    <xf numFmtId="37" fontId="6" fillId="0" borderId="61" xfId="1" applyFont="1" applyFill="1" applyBorder="1" applyAlignment="1" applyProtection="1">
      <alignment horizontal="right"/>
      <protection locked="0"/>
    </xf>
    <xf numFmtId="37" fontId="6" fillId="0" borderId="57" xfId="1" applyFont="1" applyFill="1" applyBorder="1" applyAlignment="1" applyProtection="1">
      <alignment horizontal="right"/>
      <protection locked="0"/>
    </xf>
    <xf numFmtId="37" fontId="6" fillId="0" borderId="56" xfId="1" applyFont="1" applyFill="1" applyBorder="1" applyAlignment="1" applyProtection="1">
      <protection locked="0"/>
    </xf>
    <xf numFmtId="37" fontId="6" fillId="0" borderId="57" xfId="1" applyFont="1" applyFill="1" applyBorder="1" applyAlignment="1" applyProtection="1"/>
    <xf numFmtId="37" fontId="6" fillId="0" borderId="59" xfId="1" applyFont="1" applyFill="1" applyBorder="1" applyAlignment="1" applyProtection="1"/>
    <xf numFmtId="37" fontId="6" fillId="0" borderId="61" xfId="1" applyFont="1" applyFill="1" applyBorder="1" applyAlignment="1" applyProtection="1">
      <protection locked="0"/>
    </xf>
    <xf numFmtId="37" fontId="6" fillId="0" borderId="57" xfId="1" applyFont="1" applyFill="1" applyBorder="1" applyAlignment="1" applyProtection="1">
      <alignment horizontal="center"/>
      <protection locked="0"/>
    </xf>
    <xf numFmtId="178" fontId="6" fillId="0" borderId="61" xfId="1" applyNumberFormat="1" applyFont="1" applyFill="1" applyBorder="1" applyAlignment="1" applyProtection="1">
      <protection locked="0"/>
    </xf>
    <xf numFmtId="178" fontId="6" fillId="0" borderId="57" xfId="1" applyNumberFormat="1" applyFont="1" applyFill="1" applyBorder="1" applyAlignment="1" applyProtection="1">
      <protection locked="0"/>
    </xf>
    <xf numFmtId="39" fontId="6" fillId="0" borderId="60" xfId="1" applyNumberFormat="1" applyFont="1" applyFill="1" applyBorder="1" applyAlignment="1">
      <alignment horizontal="right"/>
    </xf>
    <xf numFmtId="39" fontId="6" fillId="0" borderId="60" xfId="1" applyNumberFormat="1" applyFont="1" applyFill="1" applyBorder="1" applyAlignment="1"/>
    <xf numFmtId="37" fontId="6" fillId="0" borderId="60" xfId="1" applyNumberFormat="1" applyFont="1" applyFill="1" applyBorder="1" applyAlignment="1" applyProtection="1">
      <protection locked="0"/>
    </xf>
    <xf numFmtId="37" fontId="6" fillId="0" borderId="64" xfId="1" applyFont="1" applyFill="1" applyBorder="1" applyAlignment="1" applyProtection="1">
      <alignment horizontal="distributed" justifyLastLine="1"/>
    </xf>
    <xf numFmtId="37" fontId="6" fillId="0" borderId="65" xfId="1" applyFont="1" applyFill="1" applyBorder="1" applyAlignment="1" applyProtection="1"/>
    <xf numFmtId="37" fontId="6" fillId="0" borderId="66" xfId="1" applyFont="1" applyFill="1" applyBorder="1" applyAlignment="1" applyProtection="1"/>
    <xf numFmtId="37" fontId="6" fillId="0" borderId="45" xfId="1" applyFont="1" applyFill="1" applyBorder="1" applyAlignment="1" applyProtection="1"/>
    <xf numFmtId="37" fontId="6" fillId="0" borderId="67" xfId="1" applyFont="1" applyFill="1" applyBorder="1" applyAlignment="1" applyProtection="1"/>
    <xf numFmtId="37" fontId="6" fillId="0" borderId="46" xfId="1" applyFont="1" applyFill="1" applyBorder="1" applyAlignment="1" applyProtection="1"/>
    <xf numFmtId="37" fontId="6" fillId="0" borderId="64" xfId="1" applyFont="1" applyFill="1" applyBorder="1" applyAlignment="1" applyProtection="1">
      <alignment wrapText="1"/>
    </xf>
    <xf numFmtId="37" fontId="6" fillId="0" borderId="65" xfId="1" applyFont="1" applyFill="1" applyBorder="1" applyAlignment="1"/>
    <xf numFmtId="37" fontId="6" fillId="0" borderId="65" xfId="1" applyFont="1" applyFill="1" applyBorder="1" applyAlignment="1" applyProtection="1">
      <alignment horizontal="center"/>
    </xf>
    <xf numFmtId="37" fontId="6" fillId="0" borderId="64" xfId="1" applyFont="1" applyFill="1" applyBorder="1" applyAlignment="1" applyProtection="1"/>
    <xf numFmtId="178" fontId="6" fillId="0" borderId="46" xfId="1" applyNumberFormat="1" applyFont="1" applyFill="1" applyBorder="1" applyAlignment="1" applyProtection="1"/>
    <xf numFmtId="178" fontId="6" fillId="0" borderId="65" xfId="1" applyNumberFormat="1" applyFont="1" applyFill="1" applyBorder="1" applyAlignment="1" applyProtection="1"/>
    <xf numFmtId="39" fontId="6" fillId="0" borderId="65" xfId="1" applyNumberFormat="1" applyFont="1" applyFill="1" applyBorder="1" applyAlignment="1" applyProtection="1"/>
    <xf numFmtId="49" fontId="5" fillId="0" borderId="62" xfId="1" applyNumberFormat="1" applyFont="1" applyFill="1" applyBorder="1" applyAlignment="1" applyProtection="1">
      <alignment horizontal="left" wrapText="1" justifyLastLine="1"/>
    </xf>
    <xf numFmtId="0" fontId="6" fillId="0" borderId="19" xfId="0" applyFont="1" applyFill="1" applyBorder="1" applyAlignment="1">
      <alignment horizontal="center" justifyLastLine="1"/>
    </xf>
    <xf numFmtId="0" fontId="6" fillId="0" borderId="22" xfId="0" applyFont="1" applyFill="1" applyBorder="1" applyAlignment="1">
      <alignment horizontal="center" justifyLastLine="1"/>
    </xf>
    <xf numFmtId="0" fontId="6" fillId="0" borderId="21" xfId="0" applyFont="1" applyFill="1" applyBorder="1" applyAlignment="1">
      <alignment horizontal="center" justifyLastLine="1"/>
    </xf>
    <xf numFmtId="0" fontId="6" fillId="0" borderId="20" xfId="0" applyFont="1" applyFill="1" applyBorder="1" applyAlignment="1">
      <alignment horizontal="center" justifyLastLine="1"/>
    </xf>
    <xf numFmtId="37" fontId="6" fillId="0" borderId="19" xfId="1" applyFont="1" applyFill="1" applyBorder="1" applyAlignment="1" applyProtection="1">
      <alignment horizontal="distributed" justifyLastLine="1"/>
    </xf>
    <xf numFmtId="0" fontId="7" fillId="0" borderId="22" xfId="0" applyFont="1" applyFill="1" applyBorder="1" applyAlignment="1">
      <alignment horizontal="distributed" justifyLastLine="1"/>
    </xf>
    <xf numFmtId="37" fontId="6" fillId="0" borderId="46" xfId="1" quotePrefix="1" applyFont="1" applyFill="1" applyBorder="1" applyAlignment="1">
      <alignment horizontal="center"/>
    </xf>
    <xf numFmtId="37" fontId="6" fillId="0" borderId="17" xfId="1" applyFont="1" applyFill="1" applyBorder="1" applyAlignment="1" applyProtection="1">
      <alignment horizontal="distributed" vertical="center" wrapText="1" justifyLastLine="1"/>
    </xf>
    <xf numFmtId="37" fontId="6" fillId="0" borderId="24" xfId="1" applyFont="1" applyFill="1" applyBorder="1" applyAlignment="1" applyProtection="1">
      <alignment horizontal="distributed" vertical="center" wrapText="1" justifyLastLine="1"/>
    </xf>
    <xf numFmtId="37" fontId="6" fillId="0" borderId="10" xfId="1" applyFont="1" applyFill="1" applyBorder="1" applyAlignment="1" applyProtection="1">
      <alignment horizontal="distributed" vertical="center" wrapText="1" justifyLastLine="1"/>
    </xf>
    <xf numFmtId="37" fontId="6" fillId="0" borderId="30" xfId="1" applyFont="1" applyFill="1" applyBorder="1" applyAlignment="1" applyProtection="1">
      <alignment horizontal="distributed" vertical="center" wrapText="1" justifyLastLine="1"/>
    </xf>
    <xf numFmtId="37" fontId="6" fillId="0" borderId="13" xfId="1" applyFont="1" applyFill="1" applyBorder="1" applyAlignment="1" applyProtection="1">
      <alignment horizontal="distributed" vertical="center" wrapText="1" justifyLastLine="1"/>
    </xf>
    <xf numFmtId="37" fontId="6" fillId="0" borderId="11" xfId="1" applyFont="1" applyFill="1" applyBorder="1" applyAlignment="1" applyProtection="1">
      <alignment horizontal="distributed" vertical="center" wrapText="1" justifyLastLine="1"/>
    </xf>
    <xf numFmtId="37" fontId="6" fillId="0" borderId="17" xfId="1" quotePrefix="1" applyFont="1" applyFill="1" applyBorder="1" applyAlignment="1">
      <alignment horizontal="center" vertical="center" wrapText="1"/>
    </xf>
    <xf numFmtId="0" fontId="7" fillId="0" borderId="13" xfId="0" applyFont="1" applyFill="1" applyBorder="1"/>
    <xf numFmtId="0" fontId="7" fillId="0" borderId="24" xfId="0" applyFont="1" applyFill="1" applyBorder="1"/>
    <xf numFmtId="0" fontId="7" fillId="0" borderId="10" xfId="0" applyFont="1" applyFill="1" applyBorder="1"/>
    <xf numFmtId="0" fontId="7" fillId="0" borderId="11" xfId="0" applyFont="1" applyFill="1" applyBorder="1"/>
    <xf numFmtId="0" fontId="7" fillId="0" borderId="30" xfId="0" applyFont="1" applyFill="1" applyBorder="1"/>
    <xf numFmtId="37" fontId="6" fillId="0" borderId="17" xfId="1" quotePrefix="1" applyFont="1" applyFill="1" applyBorder="1" applyAlignment="1" applyProtection="1">
      <alignment horizontal="center" vertical="center" wrapText="1"/>
    </xf>
    <xf numFmtId="37" fontId="6" fillId="0" borderId="13" xfId="1" quotePrefix="1" applyFont="1" applyFill="1" applyBorder="1" applyAlignment="1" applyProtection="1">
      <alignment horizontal="center" vertical="center" wrapText="1"/>
    </xf>
    <xf numFmtId="37" fontId="6" fillId="0" borderId="24" xfId="1" quotePrefix="1" applyFont="1" applyFill="1" applyBorder="1" applyAlignment="1" applyProtection="1">
      <alignment horizontal="center" vertical="center" wrapText="1"/>
    </xf>
    <xf numFmtId="37" fontId="6" fillId="0" borderId="10" xfId="1" quotePrefix="1" applyFont="1" applyFill="1" applyBorder="1" applyAlignment="1" applyProtection="1">
      <alignment horizontal="center" vertical="center" wrapText="1"/>
    </xf>
    <xf numFmtId="37" fontId="6" fillId="0" borderId="11" xfId="1" quotePrefix="1" applyFont="1" applyFill="1" applyBorder="1" applyAlignment="1" applyProtection="1">
      <alignment horizontal="center" vertical="center" wrapText="1"/>
    </xf>
    <xf numFmtId="37" fontId="6" fillId="0" borderId="30" xfId="1" quotePrefix="1" applyFont="1" applyFill="1" applyBorder="1" applyAlignment="1" applyProtection="1">
      <alignment horizontal="center" vertical="center" wrapText="1"/>
    </xf>
    <xf numFmtId="37" fontId="6" fillId="0" borderId="14" xfId="1" quotePrefix="1" applyFont="1" applyFill="1" applyBorder="1" applyAlignment="1" applyProtection="1">
      <alignment horizontal="center" vertical="center" wrapText="1"/>
    </xf>
    <xf numFmtId="37" fontId="6" fillId="0" borderId="29" xfId="1" quotePrefix="1" applyFont="1" applyFill="1" applyBorder="1" applyAlignment="1" applyProtection="1">
      <alignment horizontal="center" vertical="center" wrapText="1"/>
    </xf>
    <xf numFmtId="0" fontId="7" fillId="0" borderId="20" xfId="0" applyFont="1" applyFill="1" applyBorder="1" applyAlignment="1">
      <alignment horizontal="distributed" justifyLastLine="1"/>
    </xf>
    <xf numFmtId="37" fontId="6" fillId="0" borderId="26" xfId="1" applyFont="1" applyFill="1" applyBorder="1" applyAlignment="1" applyProtection="1">
      <alignment horizontal="center" vertical="center"/>
    </xf>
    <xf numFmtId="37" fontId="6" fillId="0" borderId="32" xfId="1" applyFont="1" applyFill="1" applyBorder="1" applyAlignment="1" applyProtection="1">
      <alignment horizontal="center" vertical="center"/>
    </xf>
    <xf numFmtId="37" fontId="6" fillId="0" borderId="37" xfId="1" applyFont="1" applyFill="1" applyBorder="1" applyAlignment="1" applyProtection="1">
      <alignment horizontal="center" vertical="center"/>
    </xf>
    <xf numFmtId="37" fontId="6" fillId="0" borderId="17" xfId="1" applyFont="1" applyFill="1" applyBorder="1" applyAlignment="1" applyProtection="1">
      <alignment horizontal="center" vertical="center" wrapText="1" justifyLastLine="1"/>
    </xf>
    <xf numFmtId="37" fontId="6" fillId="0" borderId="24" xfId="1" applyFont="1" applyFill="1" applyBorder="1" applyAlignment="1" applyProtection="1">
      <alignment horizontal="center" vertical="center" wrapText="1" justifyLastLine="1"/>
    </xf>
    <xf numFmtId="37" fontId="6" fillId="0" borderId="10" xfId="1" applyFont="1" applyFill="1" applyBorder="1" applyAlignment="1" applyProtection="1">
      <alignment horizontal="center" vertical="center" wrapText="1" justifyLastLine="1"/>
    </xf>
    <xf numFmtId="37" fontId="6" fillId="0" borderId="30" xfId="1" applyFont="1" applyFill="1" applyBorder="1" applyAlignment="1" applyProtection="1">
      <alignment horizontal="center" vertical="center" wrapText="1" justifyLastLine="1"/>
    </xf>
    <xf numFmtId="37" fontId="6" fillId="0" borderId="8" xfId="1" applyFont="1" applyFill="1" applyBorder="1" applyAlignment="1" applyProtection="1">
      <alignment horizontal="center" vertical="center" wrapText="1"/>
    </xf>
    <xf numFmtId="37" fontId="6" fillId="0" borderId="7" xfId="1" applyFont="1" applyFill="1" applyBorder="1" applyAlignment="1" applyProtection="1">
      <alignment horizontal="center" vertical="center" wrapText="1"/>
    </xf>
    <xf numFmtId="37" fontId="6" fillId="0" borderId="27" xfId="1" applyFont="1" applyFill="1" applyBorder="1" applyAlignment="1" applyProtection="1">
      <alignment horizontal="center" vertical="center" wrapText="1"/>
    </xf>
    <xf numFmtId="37" fontId="6" fillId="0" borderId="23" xfId="1" applyFont="1" applyFill="1" applyBorder="1" applyAlignment="1" applyProtection="1">
      <alignment horizontal="center" vertical="center" wrapText="1"/>
    </xf>
    <xf numFmtId="37" fontId="6" fillId="0" borderId="28" xfId="1" applyFont="1" applyFill="1" applyBorder="1" applyAlignment="1" applyProtection="1">
      <alignment horizontal="center" vertical="center" wrapText="1"/>
    </xf>
    <xf numFmtId="37" fontId="6" fillId="0" borderId="29" xfId="1" applyFont="1" applyFill="1" applyBorder="1" applyAlignment="1" applyProtection="1">
      <alignment horizontal="center" vertical="center" wrapText="1"/>
    </xf>
    <xf numFmtId="37" fontId="6" fillId="0" borderId="2" xfId="1" applyFont="1" applyFill="1" applyBorder="1" applyAlignment="1">
      <alignment horizontal="center"/>
    </xf>
    <xf numFmtId="37" fontId="6" fillId="0" borderId="3" xfId="1" applyFont="1" applyFill="1" applyBorder="1" applyAlignment="1">
      <alignment horizontal="center"/>
    </xf>
    <xf numFmtId="37" fontId="6" fillId="0" borderId="4" xfId="1" applyFont="1" applyFill="1" applyBorder="1" applyAlignment="1">
      <alignment horizontal="center"/>
    </xf>
    <xf numFmtId="37" fontId="6" fillId="0" borderId="12" xfId="1" applyFont="1" applyFill="1" applyBorder="1" applyAlignment="1">
      <alignment horizontal="distributed" vertical="center" justifyLastLine="1"/>
    </xf>
    <xf numFmtId="37" fontId="6" fillId="0" borderId="13" xfId="1" applyFont="1" applyFill="1" applyBorder="1" applyAlignment="1">
      <alignment horizontal="distributed" vertical="center" justifyLastLine="1"/>
    </xf>
    <xf numFmtId="37" fontId="6" fillId="0" borderId="14" xfId="1" applyFont="1" applyFill="1" applyBorder="1" applyAlignment="1">
      <alignment horizontal="distributed" vertical="center" justifyLastLine="1"/>
    </xf>
    <xf numFmtId="37" fontId="6" fillId="0" borderId="28" xfId="1" applyFont="1" applyFill="1" applyBorder="1" applyAlignment="1">
      <alignment horizontal="distributed" vertical="center" justifyLastLine="1"/>
    </xf>
    <xf numFmtId="37" fontId="6" fillId="0" borderId="11" xfId="1" applyFont="1" applyFill="1" applyBorder="1" applyAlignment="1">
      <alignment horizontal="distributed" vertical="center" justifyLastLine="1"/>
    </xf>
    <xf numFmtId="37" fontId="6" fillId="0" borderId="29" xfId="1" applyFont="1" applyFill="1" applyBorder="1" applyAlignment="1">
      <alignment horizontal="distributed" vertical="center" justifyLastLine="1"/>
    </xf>
    <xf numFmtId="37" fontId="6" fillId="0" borderId="15" xfId="1" applyFont="1" applyFill="1" applyBorder="1" applyAlignment="1" applyProtection="1">
      <alignment horizontal="distributed" vertical="center" justifyLastLine="1"/>
    </xf>
    <xf numFmtId="37" fontId="6" fillId="0" borderId="0" xfId="1" applyFont="1" applyFill="1" applyBorder="1" applyAlignment="1" applyProtection="1">
      <alignment horizontal="distributed" vertical="center" justifyLastLine="1"/>
    </xf>
    <xf numFmtId="37" fontId="6" fillId="0" borderId="16" xfId="1" applyFont="1" applyFill="1" applyBorder="1" applyAlignment="1" applyProtection="1">
      <alignment horizontal="distributed" vertical="center" justifyLastLine="1"/>
    </xf>
    <xf numFmtId="37" fontId="6" fillId="0" borderId="10" xfId="1" applyFont="1" applyFill="1" applyBorder="1" applyAlignment="1" applyProtection="1">
      <alignment horizontal="distributed" vertical="center" justifyLastLine="1"/>
    </xf>
    <xf numFmtId="37" fontId="6" fillId="0" borderId="11" xfId="1" applyFont="1" applyFill="1" applyBorder="1" applyAlignment="1" applyProtection="1">
      <alignment horizontal="distributed" vertical="center" justifyLastLine="1"/>
    </xf>
    <xf numFmtId="37" fontId="6" fillId="0" borderId="30" xfId="1" applyFont="1" applyFill="1" applyBorder="1" applyAlignment="1" applyProtection="1">
      <alignment horizontal="distributed" vertical="center" justifyLastLine="1"/>
    </xf>
    <xf numFmtId="37" fontId="6" fillId="0" borderId="17" xfId="1" applyFont="1" applyFill="1" applyBorder="1" applyAlignment="1" applyProtection="1">
      <alignment horizontal="distributed" vertical="center" justifyLastLine="1"/>
    </xf>
    <xf numFmtId="37" fontId="6" fillId="0" borderId="13" xfId="1" applyFont="1" applyFill="1" applyBorder="1" applyAlignment="1" applyProtection="1">
      <alignment horizontal="distributed" vertical="center" justifyLastLine="1"/>
    </xf>
    <xf numFmtId="37" fontId="6" fillId="0" borderId="18" xfId="1" applyFont="1" applyFill="1" applyBorder="1" applyAlignment="1" applyProtection="1">
      <alignment horizontal="distributed" vertical="center" wrapText="1" justifyLastLine="1"/>
    </xf>
    <xf numFmtId="0" fontId="7" fillId="0" borderId="9" xfId="0" applyFont="1" applyFill="1" applyBorder="1" applyAlignment="1">
      <alignment horizontal="distributed" vertical="center" wrapText="1" justifyLastLine="1"/>
    </xf>
    <xf numFmtId="0" fontId="7" fillId="0" borderId="33" xfId="0" applyFont="1" applyFill="1" applyBorder="1" applyAlignment="1">
      <alignment horizontal="distributed" vertical="center" wrapText="1" justifyLastLine="1"/>
    </xf>
    <xf numFmtId="37" fontId="6" fillId="0" borderId="19" xfId="1" applyFont="1" applyFill="1" applyBorder="1" applyAlignment="1">
      <alignment horizontal="center"/>
    </xf>
    <xf numFmtId="37" fontId="6" fillId="0" borderId="20" xfId="1" applyFont="1" applyFill="1" applyBorder="1" applyAlignment="1">
      <alignment horizontal="center"/>
    </xf>
    <xf numFmtId="37" fontId="6" fillId="0" borderId="21" xfId="1" applyFont="1" applyFill="1" applyBorder="1" applyAlignment="1">
      <alignment horizontal="center"/>
    </xf>
    <xf numFmtId="37" fontId="6" fillId="0" borderId="2" xfId="1" applyFont="1" applyFill="1" applyBorder="1" applyAlignment="1" applyProtection="1">
      <alignment horizontal="center"/>
    </xf>
    <xf numFmtId="0" fontId="7" fillId="0" borderId="3" xfId="0" applyFont="1" applyFill="1" applyBorder="1" applyAlignment="1">
      <alignment horizontal="center"/>
    </xf>
    <xf numFmtId="0" fontId="7" fillId="0" borderId="4" xfId="0" applyFont="1" applyFill="1" applyBorder="1" applyAlignment="1">
      <alignment horizontal="center"/>
    </xf>
    <xf numFmtId="37" fontId="6" fillId="0" borderId="5" xfId="1" applyFont="1" applyFill="1" applyBorder="1" applyAlignment="1">
      <alignment horizontal="center"/>
    </xf>
    <xf numFmtId="0" fontId="6" fillId="0" borderId="3" xfId="0" applyFont="1" applyFill="1" applyBorder="1" applyAlignment="1">
      <alignment horizontal="center"/>
    </xf>
    <xf numFmtId="37" fontId="6" fillId="0" borderId="6" xfId="1" applyFont="1" applyFill="1" applyBorder="1" applyAlignment="1" applyProtection="1">
      <alignment horizontal="distributed" vertical="center" wrapText="1" justifyLastLine="1"/>
    </xf>
    <xf numFmtId="37" fontId="6" fillId="0" borderId="7" xfId="1" applyFont="1" applyFill="1" applyBorder="1" applyAlignment="1" applyProtection="1">
      <alignment horizontal="distributed" vertical="center" wrapText="1" justifyLastLine="1"/>
    </xf>
    <xf numFmtId="37" fontId="6" fillId="0" borderId="15" xfId="1" applyFont="1" applyFill="1" applyBorder="1" applyAlignment="1" applyProtection="1">
      <alignment horizontal="distributed" vertical="center" wrapText="1" justifyLastLine="1"/>
    </xf>
    <xf numFmtId="37" fontId="6" fillId="0" borderId="23" xfId="1" applyFont="1" applyFill="1" applyBorder="1" applyAlignment="1" applyProtection="1">
      <alignment horizontal="distributed" vertical="center" wrapText="1" justifyLastLine="1"/>
    </xf>
    <xf numFmtId="37" fontId="6" fillId="0" borderId="29" xfId="1" applyFont="1" applyFill="1" applyBorder="1" applyAlignment="1" applyProtection="1">
      <alignment horizontal="distributed" vertical="center" wrapText="1" justifyLastLine="1"/>
    </xf>
    <xf numFmtId="37" fontId="6" fillId="0" borderId="5" xfId="1" applyFont="1" applyFill="1" applyBorder="1" applyAlignment="1" applyProtection="1">
      <alignment horizontal="distributed" justifyLastLine="1"/>
    </xf>
    <xf numFmtId="0" fontId="7" fillId="0" borderId="3" xfId="0" applyFont="1" applyFill="1" applyBorder="1" applyAlignment="1">
      <alignment horizontal="distributed" justifyLastLine="1"/>
    </xf>
    <xf numFmtId="37" fontId="6" fillId="0" borderId="22" xfId="1" applyFont="1" applyFill="1" applyBorder="1" applyAlignment="1">
      <alignment horizontal="center"/>
    </xf>
    <xf numFmtId="0" fontId="7" fillId="0" borderId="14" xfId="0" applyFont="1" applyFill="1" applyBorder="1" applyAlignment="1">
      <alignment horizontal="distributed" vertical="center" wrapText="1" justifyLastLine="1"/>
    </xf>
    <xf numFmtId="0" fontId="7" fillId="0" borderId="10" xfId="0" applyFont="1" applyFill="1" applyBorder="1" applyAlignment="1">
      <alignment horizontal="distributed" vertical="center" wrapText="1" justifyLastLine="1"/>
    </xf>
    <xf numFmtId="0" fontId="7" fillId="0" borderId="29" xfId="0" applyFont="1" applyFill="1" applyBorder="1" applyAlignment="1">
      <alignment horizontal="distributed" vertical="center" wrapText="1" justifyLastLine="1"/>
    </xf>
    <xf numFmtId="37" fontId="6" fillId="0" borderId="24" xfId="1" applyFont="1" applyFill="1" applyBorder="1" applyAlignment="1">
      <alignment horizontal="center" vertical="center" wrapText="1"/>
    </xf>
    <xf numFmtId="37" fontId="6" fillId="0" borderId="16" xfId="1" applyFont="1" applyFill="1" applyBorder="1" applyAlignment="1">
      <alignment horizontal="center" vertical="center" wrapText="1"/>
    </xf>
    <xf numFmtId="37" fontId="6" fillId="0" borderId="42" xfId="1" applyFont="1" applyFill="1" applyBorder="1" applyAlignment="1">
      <alignment horizontal="center" vertical="center" wrapText="1"/>
    </xf>
    <xf numFmtId="37" fontId="6" fillId="0" borderId="25" xfId="1" applyFont="1" applyFill="1" applyBorder="1" applyAlignment="1" applyProtection="1">
      <alignment horizontal="center" vertical="center"/>
    </xf>
    <xf numFmtId="37" fontId="6" fillId="0" borderId="31" xfId="1" applyFont="1" applyFill="1" applyBorder="1" applyAlignment="1" applyProtection="1">
      <alignment horizontal="center" vertical="center"/>
    </xf>
    <xf numFmtId="37" fontId="6" fillId="0" borderId="35" xfId="1" applyFont="1" applyFill="1" applyBorder="1" applyAlignment="1" applyProtection="1">
      <alignment horizontal="center" vertical="center"/>
    </xf>
  </cellXfs>
  <cellStyles count="2">
    <cellStyle name="標準" xfId="0" builtinId="0"/>
    <cellStyle name="標準_事06統14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group/g1385002/13%20&#32113;&#35336;/02%20&#20107;&#26989;&#29366;&#27841;/&#65298;&#65304;&#24180;&#24230;&#20316;&#25104;&#20998;/My%20Documents/&#65420;&#65383;&#65394;&#65433;/&#65297;&#65298;&#20107;&#26989;&#29366;&#27841;/&#65297;&#65297;&#24180;&#24230;&#20316;&#25104;&#20998;/&#32207;&#21512;&#38598;&#35336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合集計"/>
    </sheetNames>
    <definedNames>
      <definedName name="デｰタ消去"/>
    </defined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 codeName="Sheet14"/>
  <dimension ref="B1:CF57"/>
  <sheetViews>
    <sheetView tabSelected="1" view="pageBreakPreview" zoomScaleNormal="100" zoomScaleSheetLayoutView="100" workbookViewId="0">
      <selection activeCell="E61" sqref="E61"/>
    </sheetView>
  </sheetViews>
  <sheetFormatPr defaultColWidth="9.625" defaultRowHeight="10.5" x14ac:dyDescent="0.15"/>
  <cols>
    <col min="1" max="1" width="0.375" style="2" customWidth="1"/>
    <col min="2" max="2" width="9.625" style="2" customWidth="1"/>
    <col min="3" max="3" width="6.875" style="2" customWidth="1"/>
    <col min="4" max="4" width="9.375" style="2" customWidth="1"/>
    <col min="5" max="5" width="11.375" style="2" bestFit="1" customWidth="1"/>
    <col min="6" max="6" width="8.75" style="2" customWidth="1"/>
    <col min="7" max="7" width="9.25" style="2" customWidth="1"/>
    <col min="8" max="8" width="11.375" style="2" bestFit="1" customWidth="1"/>
    <col min="9" max="9" width="8.375" style="2" customWidth="1"/>
    <col min="10" max="10" width="9.375" style="2" customWidth="1"/>
    <col min="11" max="11" width="10.25" style="2" bestFit="1" customWidth="1"/>
    <col min="12" max="13" width="10" style="2" customWidth="1"/>
    <col min="14" max="14" width="11.75" style="2" customWidth="1"/>
    <col min="15" max="16" width="9.375" style="2" customWidth="1"/>
    <col min="17" max="17" width="12.125" style="2" bestFit="1" customWidth="1"/>
    <col min="18" max="18" width="9.625" style="2" customWidth="1"/>
    <col min="19" max="19" width="8.125" style="2" customWidth="1"/>
    <col min="20" max="20" width="9.375" style="2" customWidth="1"/>
    <col min="21" max="21" width="10.25" style="2" bestFit="1" customWidth="1"/>
    <col min="22" max="23" width="7.5" style="2" customWidth="1"/>
    <col min="24" max="24" width="9.25" style="2" bestFit="1" customWidth="1"/>
    <col min="25" max="25" width="10.125" style="2" customWidth="1"/>
    <col min="26" max="26" width="10.75" style="2" customWidth="1"/>
    <col min="27" max="27" width="7.5" style="2" customWidth="1"/>
    <col min="28" max="28" width="6.625" style="2" customWidth="1"/>
    <col min="29" max="29" width="7.875" style="2" bestFit="1" customWidth="1"/>
    <col min="30" max="30" width="6.625" style="2" customWidth="1"/>
    <col min="31" max="31" width="7.875" style="2" bestFit="1" customWidth="1"/>
    <col min="32" max="32" width="7.625" style="2" customWidth="1"/>
    <col min="33" max="33" width="8.375" style="2" bestFit="1" customWidth="1"/>
    <col min="34" max="34" width="7.625" style="2" customWidth="1"/>
    <col min="35" max="35" width="9.875" style="2" customWidth="1"/>
    <col min="36" max="36" width="9.625" style="2" customWidth="1"/>
    <col min="37" max="37" width="7.625" style="2" customWidth="1"/>
    <col min="38" max="38" width="8.75" style="2" customWidth="1"/>
    <col min="39" max="39" width="6.25" style="2" bestFit="1" customWidth="1"/>
    <col min="40" max="40" width="8" style="2" bestFit="1" customWidth="1"/>
    <col min="41" max="41" width="8.625" style="2" customWidth="1"/>
    <col min="42" max="42" width="9.625" style="2" customWidth="1"/>
    <col min="43" max="43" width="4.625" style="2" customWidth="1"/>
    <col min="44" max="44" width="6" style="2" bestFit="1" customWidth="1"/>
    <col min="45" max="45" width="10.625" style="2" customWidth="1"/>
    <col min="46" max="46" width="12.5" style="2" customWidth="1"/>
    <col min="47" max="47" width="11.625" style="2" customWidth="1"/>
    <col min="48" max="48" width="10.25" style="2" bestFit="1" customWidth="1"/>
    <col min="49" max="49" width="10.125" style="2" customWidth="1"/>
    <col min="50" max="50" width="9" style="2" customWidth="1"/>
    <col min="51" max="51" width="10.25" style="2" bestFit="1" customWidth="1"/>
    <col min="52" max="52" width="5.875" style="2" customWidth="1"/>
    <col min="53" max="53" width="6.75" style="2" customWidth="1"/>
    <col min="54" max="54" width="10" style="2" customWidth="1"/>
    <col min="55" max="55" width="8.125" style="2" customWidth="1"/>
    <col min="56" max="56" width="9.25" style="2" bestFit="1" customWidth="1"/>
    <col min="57" max="57" width="6.625" style="2" hidden="1" customWidth="1"/>
    <col min="58" max="58" width="7" style="2" hidden="1" customWidth="1"/>
    <col min="59" max="59" width="8.125" style="2" customWidth="1"/>
    <col min="60" max="60" width="7.875" style="2" bestFit="1" customWidth="1"/>
    <col min="61" max="61" width="5.875" style="2" bestFit="1" customWidth="1"/>
    <col min="62" max="62" width="7.875" style="2" bestFit="1" customWidth="1"/>
    <col min="63" max="63" width="5.5" style="2" bestFit="1" customWidth="1"/>
    <col min="64" max="64" width="7" style="2" bestFit="1" customWidth="1"/>
    <col min="65" max="65" width="6.25" style="2" bestFit="1" customWidth="1"/>
    <col min="66" max="66" width="7.875" style="2" bestFit="1" customWidth="1"/>
    <col min="67" max="67" width="10" style="2" customWidth="1"/>
    <col min="68" max="68" width="11.875" style="2" customWidth="1"/>
    <col min="69" max="69" width="11.25" style="2" customWidth="1"/>
    <col min="70" max="70" width="12.5" style="2" customWidth="1"/>
    <col min="71" max="71" width="10.625" style="2" customWidth="1"/>
    <col min="72" max="74" width="9.375" style="2" customWidth="1"/>
    <col min="75" max="75" width="9.5" style="2" customWidth="1"/>
    <col min="76" max="82" width="9.375" style="2" customWidth="1"/>
    <col min="83" max="83" width="9.5" style="2" customWidth="1"/>
    <col min="84" max="84" width="1.875" style="2" customWidth="1"/>
    <col min="85" max="16384" width="9.625" style="2"/>
  </cols>
  <sheetData>
    <row r="1" spans="2:84" ht="14.25" customHeight="1" x14ac:dyDescent="0.15">
      <c r="B1" s="1" t="s">
        <v>0</v>
      </c>
    </row>
    <row r="2" spans="2:84" ht="14.25" thickBot="1" x14ac:dyDescent="0.2">
      <c r="B2" s="3" t="s">
        <v>1</v>
      </c>
      <c r="Q2" s="4" t="s">
        <v>2</v>
      </c>
      <c r="R2" s="3" t="s">
        <v>3</v>
      </c>
      <c r="AA2" s="3"/>
      <c r="AI2" s="4" t="s">
        <v>4</v>
      </c>
      <c r="AJ2" s="3" t="s">
        <v>5</v>
      </c>
      <c r="AK2" s="3"/>
      <c r="AX2" s="3"/>
      <c r="BA2" s="4" t="s">
        <v>4</v>
      </c>
      <c r="BB2" s="3" t="s">
        <v>6</v>
      </c>
      <c r="BC2" s="3"/>
      <c r="BO2" s="3"/>
      <c r="BR2" s="4" t="s">
        <v>7</v>
      </c>
      <c r="BS2" s="3" t="s">
        <v>8</v>
      </c>
      <c r="BT2" s="3"/>
      <c r="CE2" s="4" t="s">
        <v>4</v>
      </c>
    </row>
    <row r="3" spans="2:84" s="11" customFormat="1" ht="12" customHeight="1" x14ac:dyDescent="0.15">
      <c r="B3" s="5"/>
      <c r="C3" s="289" t="s">
        <v>9</v>
      </c>
      <c r="D3" s="290"/>
      <c r="E3" s="290"/>
      <c r="F3" s="290"/>
      <c r="G3" s="290"/>
      <c r="H3" s="290"/>
      <c r="I3" s="290"/>
      <c r="J3" s="290"/>
      <c r="K3" s="290"/>
      <c r="L3" s="290"/>
      <c r="M3" s="290"/>
      <c r="N3" s="290"/>
      <c r="O3" s="290"/>
      <c r="P3" s="290"/>
      <c r="Q3" s="291"/>
      <c r="R3" s="5"/>
      <c r="S3" s="266" t="s">
        <v>10</v>
      </c>
      <c r="T3" s="290"/>
      <c r="U3" s="290"/>
      <c r="V3" s="290"/>
      <c r="W3" s="290"/>
      <c r="X3" s="290"/>
      <c r="Y3" s="290"/>
      <c r="Z3" s="290"/>
      <c r="AA3" s="292" t="s">
        <v>11</v>
      </c>
      <c r="AB3" s="267"/>
      <c r="AC3" s="267"/>
      <c r="AD3" s="267"/>
      <c r="AE3" s="267"/>
      <c r="AF3" s="267"/>
      <c r="AG3" s="267"/>
      <c r="AH3" s="267"/>
      <c r="AI3" s="268"/>
      <c r="AJ3" s="5"/>
      <c r="AK3" s="293" t="s">
        <v>11</v>
      </c>
      <c r="AL3" s="293"/>
      <c r="AM3" s="293"/>
      <c r="AN3" s="293"/>
      <c r="AO3" s="293"/>
      <c r="AP3" s="293"/>
      <c r="AQ3" s="6"/>
      <c r="AR3" s="7"/>
      <c r="AS3" s="294" t="s">
        <v>12</v>
      </c>
      <c r="AT3" s="295"/>
      <c r="AU3" s="299" t="s">
        <v>13</v>
      </c>
      <c r="AV3" s="300"/>
      <c r="AW3" s="300"/>
      <c r="AX3" s="260" t="s">
        <v>14</v>
      </c>
      <c r="AY3" s="261"/>
      <c r="AZ3" s="260" t="s">
        <v>15</v>
      </c>
      <c r="BA3" s="261"/>
      <c r="BB3" s="5"/>
      <c r="BC3" s="266" t="s">
        <v>16</v>
      </c>
      <c r="BD3" s="267"/>
      <c r="BE3" s="267"/>
      <c r="BF3" s="267"/>
      <c r="BG3" s="267"/>
      <c r="BH3" s="267"/>
      <c r="BI3" s="267"/>
      <c r="BJ3" s="267"/>
      <c r="BK3" s="267"/>
      <c r="BL3" s="267"/>
      <c r="BM3" s="267"/>
      <c r="BN3" s="267"/>
      <c r="BO3" s="267"/>
      <c r="BP3" s="268"/>
      <c r="BQ3" s="260" t="s">
        <v>17</v>
      </c>
      <c r="BR3" s="261"/>
      <c r="BS3" s="5"/>
      <c r="BT3" s="8" t="s">
        <v>18</v>
      </c>
      <c r="BU3" s="8"/>
      <c r="BV3" s="8"/>
      <c r="BW3" s="9"/>
      <c r="BX3" s="8"/>
      <c r="BY3" s="8"/>
      <c r="BZ3" s="8"/>
      <c r="CA3" s="8"/>
      <c r="CB3" s="8"/>
      <c r="CC3" s="8"/>
      <c r="CD3" s="8"/>
      <c r="CE3" s="10"/>
    </row>
    <row r="4" spans="2:84" s="11" customFormat="1" ht="12" customHeight="1" x14ac:dyDescent="0.15">
      <c r="B4" s="12" t="s">
        <v>19</v>
      </c>
      <c r="C4" s="13" t="s">
        <v>20</v>
      </c>
      <c r="D4" s="14"/>
      <c r="E4" s="15"/>
      <c r="F4" s="14"/>
      <c r="G4" s="14"/>
      <c r="H4" s="14"/>
      <c r="I4" s="14"/>
      <c r="J4" s="14"/>
      <c r="K4" s="15"/>
      <c r="L4" s="14"/>
      <c r="M4" s="14"/>
      <c r="N4" s="14"/>
      <c r="O4" s="269" t="s">
        <v>21</v>
      </c>
      <c r="P4" s="270"/>
      <c r="Q4" s="271"/>
      <c r="R4" s="12" t="s">
        <v>19</v>
      </c>
      <c r="S4" s="275" t="s">
        <v>22</v>
      </c>
      <c r="T4" s="276"/>
      <c r="U4" s="277"/>
      <c r="V4" s="276" t="s">
        <v>23</v>
      </c>
      <c r="W4" s="276"/>
      <c r="X4" s="276"/>
      <c r="Y4" s="281" t="s">
        <v>24</v>
      </c>
      <c r="Z4" s="282"/>
      <c r="AA4" s="283" t="s">
        <v>25</v>
      </c>
      <c r="AB4" s="286" t="s">
        <v>26</v>
      </c>
      <c r="AC4" s="287"/>
      <c r="AD4" s="287"/>
      <c r="AE4" s="287"/>
      <c r="AF4" s="287"/>
      <c r="AG4" s="287"/>
      <c r="AH4" s="287"/>
      <c r="AI4" s="288"/>
      <c r="AJ4" s="12" t="s">
        <v>19</v>
      </c>
      <c r="AK4" s="287" t="s">
        <v>26</v>
      </c>
      <c r="AL4" s="287"/>
      <c r="AM4" s="287"/>
      <c r="AN4" s="287"/>
      <c r="AO4" s="287"/>
      <c r="AP4" s="301"/>
      <c r="AQ4" s="232" t="s">
        <v>27</v>
      </c>
      <c r="AR4" s="302"/>
      <c r="AS4" s="296"/>
      <c r="AT4" s="297"/>
      <c r="AU4" s="305" t="s">
        <v>28</v>
      </c>
      <c r="AV4" s="308" t="s">
        <v>29</v>
      </c>
      <c r="AW4" s="253" t="s">
        <v>30</v>
      </c>
      <c r="AX4" s="262"/>
      <c r="AY4" s="263"/>
      <c r="AZ4" s="262"/>
      <c r="BA4" s="263"/>
      <c r="BB4" s="12" t="s">
        <v>19</v>
      </c>
      <c r="BC4" s="236" t="s">
        <v>31</v>
      </c>
      <c r="BD4" s="233"/>
      <c r="BE4" s="232" t="s">
        <v>32</v>
      </c>
      <c r="BF4" s="233"/>
      <c r="BG4" s="232" t="s">
        <v>33</v>
      </c>
      <c r="BH4" s="236"/>
      <c r="BI4" s="256" t="s">
        <v>34</v>
      </c>
      <c r="BJ4" s="257"/>
      <c r="BK4" s="256" t="s">
        <v>35</v>
      </c>
      <c r="BL4" s="257"/>
      <c r="BM4" s="232" t="s">
        <v>36</v>
      </c>
      <c r="BN4" s="233"/>
      <c r="BO4" s="236" t="s">
        <v>37</v>
      </c>
      <c r="BP4" s="236"/>
      <c r="BQ4" s="262"/>
      <c r="BR4" s="263"/>
      <c r="BS4" s="16" t="s">
        <v>19</v>
      </c>
      <c r="BT4" s="238" t="s">
        <v>38</v>
      </c>
      <c r="BU4" s="239"/>
      <c r="BV4" s="239"/>
      <c r="BW4" s="240"/>
      <c r="BX4" s="244" t="s">
        <v>39</v>
      </c>
      <c r="BY4" s="245"/>
      <c r="BZ4" s="245"/>
      <c r="CA4" s="246"/>
      <c r="CB4" s="244" t="s">
        <v>40</v>
      </c>
      <c r="CC4" s="245"/>
      <c r="CD4" s="245"/>
      <c r="CE4" s="250"/>
    </row>
    <row r="5" spans="2:84" s="11" customFormat="1" ht="12" customHeight="1" x14ac:dyDescent="0.15">
      <c r="B5" s="12" t="s">
        <v>41</v>
      </c>
      <c r="C5" s="229" t="s">
        <v>42</v>
      </c>
      <c r="D5" s="252"/>
      <c r="E5" s="230"/>
      <c r="F5" s="229" t="s">
        <v>43</v>
      </c>
      <c r="G5" s="252"/>
      <c r="H5" s="230"/>
      <c r="I5" s="229" t="s">
        <v>44</v>
      </c>
      <c r="J5" s="252"/>
      <c r="K5" s="230"/>
      <c r="L5" s="229" t="s">
        <v>45</v>
      </c>
      <c r="M5" s="252"/>
      <c r="N5" s="252"/>
      <c r="O5" s="272"/>
      <c r="P5" s="273"/>
      <c r="Q5" s="274"/>
      <c r="R5" s="12" t="s">
        <v>41</v>
      </c>
      <c r="S5" s="278"/>
      <c r="T5" s="279"/>
      <c r="U5" s="280"/>
      <c r="V5" s="279"/>
      <c r="W5" s="279"/>
      <c r="X5" s="279"/>
      <c r="Y5" s="278"/>
      <c r="Z5" s="279"/>
      <c r="AA5" s="284"/>
      <c r="AB5" s="229" t="s">
        <v>46</v>
      </c>
      <c r="AC5" s="230"/>
      <c r="AD5" s="225" t="s">
        <v>47</v>
      </c>
      <c r="AE5" s="226"/>
      <c r="AF5" s="225" t="s">
        <v>48</v>
      </c>
      <c r="AG5" s="226"/>
      <c r="AH5" s="225" t="s">
        <v>49</v>
      </c>
      <c r="AI5" s="227"/>
      <c r="AJ5" s="12" t="s">
        <v>41</v>
      </c>
      <c r="AK5" s="228" t="s">
        <v>50</v>
      </c>
      <c r="AL5" s="226"/>
      <c r="AM5" s="229" t="s">
        <v>51</v>
      </c>
      <c r="AN5" s="230"/>
      <c r="AO5" s="17" t="s">
        <v>52</v>
      </c>
      <c r="AP5" s="14"/>
      <c r="AQ5" s="303"/>
      <c r="AR5" s="304"/>
      <c r="AS5" s="234"/>
      <c r="AT5" s="298"/>
      <c r="AU5" s="306"/>
      <c r="AV5" s="309"/>
      <c r="AW5" s="254"/>
      <c r="AX5" s="264"/>
      <c r="AY5" s="265"/>
      <c r="AZ5" s="264"/>
      <c r="BA5" s="265"/>
      <c r="BB5" s="12" t="s">
        <v>41</v>
      </c>
      <c r="BC5" s="237"/>
      <c r="BD5" s="235"/>
      <c r="BE5" s="234"/>
      <c r="BF5" s="235"/>
      <c r="BG5" s="234"/>
      <c r="BH5" s="237"/>
      <c r="BI5" s="258"/>
      <c r="BJ5" s="259"/>
      <c r="BK5" s="258"/>
      <c r="BL5" s="259"/>
      <c r="BM5" s="234"/>
      <c r="BN5" s="235"/>
      <c r="BO5" s="237"/>
      <c r="BP5" s="237"/>
      <c r="BQ5" s="264"/>
      <c r="BR5" s="265"/>
      <c r="BS5" s="16" t="s">
        <v>41</v>
      </c>
      <c r="BT5" s="241"/>
      <c r="BU5" s="242"/>
      <c r="BV5" s="242"/>
      <c r="BW5" s="243"/>
      <c r="BX5" s="247"/>
      <c r="BY5" s="248"/>
      <c r="BZ5" s="248"/>
      <c r="CA5" s="249"/>
      <c r="CB5" s="247"/>
      <c r="CC5" s="248"/>
      <c r="CD5" s="248"/>
      <c r="CE5" s="251"/>
    </row>
    <row r="6" spans="2:84" s="11" customFormat="1" ht="13.5" customHeight="1" thickBot="1" x14ac:dyDescent="0.2">
      <c r="B6" s="18" t="s">
        <v>53</v>
      </c>
      <c r="C6" s="19" t="s">
        <v>54</v>
      </c>
      <c r="D6" s="19" t="s">
        <v>55</v>
      </c>
      <c r="E6" s="19" t="s">
        <v>56</v>
      </c>
      <c r="F6" s="19" t="s">
        <v>57</v>
      </c>
      <c r="G6" s="19" t="s">
        <v>58</v>
      </c>
      <c r="H6" s="20" t="s">
        <v>59</v>
      </c>
      <c r="I6" s="19" t="s">
        <v>60</v>
      </c>
      <c r="J6" s="19" t="s">
        <v>61</v>
      </c>
      <c r="K6" s="20" t="s">
        <v>62</v>
      </c>
      <c r="L6" s="19" t="s">
        <v>57</v>
      </c>
      <c r="M6" s="19" t="s">
        <v>63</v>
      </c>
      <c r="N6" s="19" t="s">
        <v>59</v>
      </c>
      <c r="O6" s="21" t="s">
        <v>64</v>
      </c>
      <c r="P6" s="19" t="s">
        <v>65</v>
      </c>
      <c r="Q6" s="22" t="s">
        <v>56</v>
      </c>
      <c r="R6" s="18" t="s">
        <v>53</v>
      </c>
      <c r="S6" s="19" t="s">
        <v>66</v>
      </c>
      <c r="T6" s="19" t="s">
        <v>61</v>
      </c>
      <c r="U6" s="23" t="s">
        <v>62</v>
      </c>
      <c r="V6" s="19" t="s">
        <v>60</v>
      </c>
      <c r="W6" s="19" t="s">
        <v>63</v>
      </c>
      <c r="X6" s="23" t="s">
        <v>67</v>
      </c>
      <c r="Y6" s="19" t="s">
        <v>68</v>
      </c>
      <c r="Z6" s="19" t="s">
        <v>59</v>
      </c>
      <c r="AA6" s="285"/>
      <c r="AB6" s="19" t="s">
        <v>60</v>
      </c>
      <c r="AC6" s="19" t="s">
        <v>62</v>
      </c>
      <c r="AD6" s="19" t="s">
        <v>69</v>
      </c>
      <c r="AE6" s="19" t="s">
        <v>70</v>
      </c>
      <c r="AF6" s="19" t="s">
        <v>69</v>
      </c>
      <c r="AG6" s="19" t="s">
        <v>70</v>
      </c>
      <c r="AH6" s="19" t="s">
        <v>69</v>
      </c>
      <c r="AI6" s="22" t="s">
        <v>70</v>
      </c>
      <c r="AJ6" s="18" t="s">
        <v>53</v>
      </c>
      <c r="AK6" s="19" t="s">
        <v>69</v>
      </c>
      <c r="AL6" s="19" t="s">
        <v>70</v>
      </c>
      <c r="AM6" s="23" t="s">
        <v>71</v>
      </c>
      <c r="AN6" s="19" t="s">
        <v>62</v>
      </c>
      <c r="AO6" s="24" t="s">
        <v>66</v>
      </c>
      <c r="AP6" s="23" t="s">
        <v>59</v>
      </c>
      <c r="AQ6" s="25" t="s">
        <v>72</v>
      </c>
      <c r="AR6" s="22" t="s">
        <v>73</v>
      </c>
      <c r="AS6" s="24" t="s">
        <v>60</v>
      </c>
      <c r="AT6" s="26" t="s">
        <v>62</v>
      </c>
      <c r="AU6" s="307"/>
      <c r="AV6" s="310"/>
      <c r="AW6" s="255"/>
      <c r="AX6" s="27" t="s">
        <v>60</v>
      </c>
      <c r="AY6" s="26" t="s">
        <v>62</v>
      </c>
      <c r="AZ6" s="27" t="s">
        <v>68</v>
      </c>
      <c r="BA6" s="26" t="s">
        <v>67</v>
      </c>
      <c r="BB6" s="18" t="s">
        <v>53</v>
      </c>
      <c r="BC6" s="25" t="s">
        <v>74</v>
      </c>
      <c r="BD6" s="19" t="s">
        <v>62</v>
      </c>
      <c r="BE6" s="19" t="s">
        <v>75</v>
      </c>
      <c r="BF6" s="19" t="s">
        <v>73</v>
      </c>
      <c r="BG6" s="19" t="s">
        <v>74</v>
      </c>
      <c r="BH6" s="19" t="s">
        <v>67</v>
      </c>
      <c r="BI6" s="19" t="s">
        <v>74</v>
      </c>
      <c r="BJ6" s="19" t="s">
        <v>67</v>
      </c>
      <c r="BK6" s="19" t="s">
        <v>74</v>
      </c>
      <c r="BL6" s="19" t="s">
        <v>59</v>
      </c>
      <c r="BM6" s="19" t="s">
        <v>74</v>
      </c>
      <c r="BN6" s="20" t="s">
        <v>59</v>
      </c>
      <c r="BO6" s="25" t="s">
        <v>74</v>
      </c>
      <c r="BP6" s="19" t="s">
        <v>59</v>
      </c>
      <c r="BQ6" s="28" t="s">
        <v>76</v>
      </c>
      <c r="BR6" s="22" t="s">
        <v>77</v>
      </c>
      <c r="BS6" s="18" t="s">
        <v>53</v>
      </c>
      <c r="BT6" s="29" t="s">
        <v>42</v>
      </c>
      <c r="BU6" s="30" t="s">
        <v>43</v>
      </c>
      <c r="BV6" s="30" t="s">
        <v>78</v>
      </c>
      <c r="BW6" s="19" t="s">
        <v>52</v>
      </c>
      <c r="BX6" s="31" t="s">
        <v>42</v>
      </c>
      <c r="BY6" s="31" t="s">
        <v>43</v>
      </c>
      <c r="BZ6" s="31" t="s">
        <v>78</v>
      </c>
      <c r="CA6" s="23" t="s">
        <v>52</v>
      </c>
      <c r="CB6" s="31" t="s">
        <v>42</v>
      </c>
      <c r="CC6" s="31" t="s">
        <v>79</v>
      </c>
      <c r="CD6" s="31" t="s">
        <v>78</v>
      </c>
      <c r="CE6" s="26" t="s">
        <v>52</v>
      </c>
    </row>
    <row r="7" spans="2:84" s="11" customFormat="1" ht="12" customHeight="1" thickTop="1" thickBot="1" x14ac:dyDescent="0.2">
      <c r="B7" s="32" t="s">
        <v>80</v>
      </c>
      <c r="C7" s="33"/>
      <c r="D7" s="33"/>
      <c r="E7" s="33"/>
      <c r="F7" s="33"/>
      <c r="G7" s="33"/>
      <c r="H7" s="33"/>
      <c r="I7" s="33"/>
      <c r="J7" s="33"/>
      <c r="K7" s="33"/>
      <c r="L7" s="33"/>
      <c r="M7" s="231"/>
      <c r="N7" s="231"/>
      <c r="O7" s="33"/>
      <c r="P7" s="33"/>
      <c r="Q7" s="34"/>
      <c r="R7" s="32" t="s">
        <v>80</v>
      </c>
      <c r="S7" s="33"/>
      <c r="T7" s="33"/>
      <c r="U7" s="33"/>
      <c r="V7" s="33"/>
      <c r="W7" s="33"/>
      <c r="X7" s="33"/>
      <c r="Y7" s="33"/>
      <c r="Z7" s="33"/>
      <c r="AA7" s="33"/>
      <c r="AB7" s="33"/>
      <c r="AC7" s="33"/>
      <c r="AD7" s="33"/>
      <c r="AE7" s="33"/>
      <c r="AF7" s="33"/>
      <c r="AG7" s="33"/>
      <c r="AH7" s="33"/>
      <c r="AI7" s="34"/>
      <c r="AJ7" s="32" t="s">
        <v>80</v>
      </c>
      <c r="AK7" s="33"/>
      <c r="AL7" s="33"/>
      <c r="AM7" s="33"/>
      <c r="AN7" s="33"/>
      <c r="AO7" s="33"/>
      <c r="AP7" s="35"/>
      <c r="AQ7" s="33"/>
      <c r="AR7" s="33"/>
      <c r="AS7" s="33"/>
      <c r="AT7" s="33"/>
      <c r="AU7" s="33"/>
      <c r="AV7" s="33"/>
      <c r="AW7" s="33"/>
      <c r="AX7" s="36"/>
      <c r="AY7" s="35"/>
      <c r="AZ7" s="35"/>
      <c r="BA7" s="35"/>
      <c r="BB7" s="32" t="s">
        <v>80</v>
      </c>
      <c r="BC7" s="33"/>
      <c r="BD7" s="33"/>
      <c r="BE7" s="33"/>
      <c r="BF7" s="33"/>
      <c r="BG7" s="33"/>
      <c r="BH7" s="33"/>
      <c r="BI7" s="33"/>
      <c r="BJ7" s="33"/>
      <c r="BK7" s="33"/>
      <c r="BL7" s="33"/>
      <c r="BM7" s="33"/>
      <c r="BN7" s="33"/>
      <c r="BO7" s="33"/>
      <c r="BP7" s="33"/>
      <c r="BQ7" s="33"/>
      <c r="BR7" s="35"/>
      <c r="BS7" s="32" t="s">
        <v>80</v>
      </c>
      <c r="BT7" s="33"/>
      <c r="BU7" s="33"/>
      <c r="BV7" s="33"/>
      <c r="BW7" s="33"/>
      <c r="BX7" s="33"/>
      <c r="BY7" s="33"/>
      <c r="BZ7" s="33"/>
      <c r="CA7" s="33"/>
      <c r="CB7" s="33"/>
      <c r="CC7" s="33"/>
      <c r="CD7" s="33"/>
      <c r="CE7" s="33"/>
      <c r="CF7" s="37"/>
    </row>
    <row r="8" spans="2:84" s="11" customFormat="1" ht="12" hidden="1" customHeight="1" thickTop="1" x14ac:dyDescent="0.15">
      <c r="B8" s="38" t="s">
        <v>81</v>
      </c>
      <c r="C8" s="39">
        <v>346521</v>
      </c>
      <c r="D8" s="39">
        <v>5977006</v>
      </c>
      <c r="E8" s="39">
        <v>122438728</v>
      </c>
      <c r="F8" s="39">
        <v>11795618</v>
      </c>
      <c r="G8" s="39">
        <v>24530611</v>
      </c>
      <c r="H8" s="39">
        <v>153295927</v>
      </c>
      <c r="I8" s="39">
        <v>2717237</v>
      </c>
      <c r="J8" s="39">
        <v>7077632</v>
      </c>
      <c r="K8" s="39">
        <v>44294358</v>
      </c>
      <c r="L8" s="39">
        <v>14859376</v>
      </c>
      <c r="M8" s="39">
        <v>37585249</v>
      </c>
      <c r="N8" s="40">
        <v>320029013</v>
      </c>
      <c r="O8" s="41">
        <v>3476899</v>
      </c>
      <c r="P8" s="42">
        <v>5678282</v>
      </c>
      <c r="Q8" s="43">
        <v>25591666</v>
      </c>
      <c r="R8" s="38" t="s">
        <v>82</v>
      </c>
      <c r="S8" s="39">
        <v>320159</v>
      </c>
      <c r="T8" s="39">
        <v>5394357</v>
      </c>
      <c r="U8" s="39">
        <v>11849687</v>
      </c>
      <c r="V8" s="39">
        <v>1842</v>
      </c>
      <c r="W8" s="39">
        <v>8073</v>
      </c>
      <c r="X8" s="39">
        <v>70954</v>
      </c>
      <c r="Y8" s="39">
        <v>17703248</v>
      </c>
      <c r="Z8" s="40">
        <v>339471326</v>
      </c>
      <c r="AA8" s="44">
        <v>4813</v>
      </c>
      <c r="AB8" s="39">
        <v>6256</v>
      </c>
      <c r="AC8" s="39">
        <v>142679</v>
      </c>
      <c r="AD8" s="39"/>
      <c r="AE8" s="39"/>
      <c r="AF8" s="39"/>
      <c r="AG8" s="39"/>
      <c r="AH8" s="39"/>
      <c r="AI8" s="45"/>
      <c r="AJ8" s="38" t="s">
        <v>81</v>
      </c>
      <c r="AK8" s="39"/>
      <c r="AL8" s="39"/>
      <c r="AM8" s="39">
        <v>352502</v>
      </c>
      <c r="AN8" s="39">
        <v>3500647</v>
      </c>
      <c r="AO8" s="39">
        <v>358758</v>
      </c>
      <c r="AP8" s="39">
        <v>3643326</v>
      </c>
      <c r="AQ8" s="39">
        <v>181</v>
      </c>
      <c r="AR8" s="45">
        <v>9343</v>
      </c>
      <c r="AS8" s="39">
        <v>19150136</v>
      </c>
      <c r="AT8" s="45">
        <v>364046611</v>
      </c>
      <c r="AU8" s="46">
        <v>268907187</v>
      </c>
      <c r="AV8" s="39">
        <v>85975874</v>
      </c>
      <c r="AW8" s="39">
        <v>1345</v>
      </c>
      <c r="AX8" s="44">
        <v>236512</v>
      </c>
      <c r="AY8" s="45">
        <v>20849650</v>
      </c>
      <c r="AZ8" s="47"/>
      <c r="BA8" s="48"/>
      <c r="BB8" s="38" t="s">
        <v>83</v>
      </c>
      <c r="BC8" s="46">
        <v>15707</v>
      </c>
      <c r="BD8" s="39">
        <v>4705250</v>
      </c>
      <c r="BE8" s="39" t="s">
        <v>84</v>
      </c>
      <c r="BF8" s="39" t="s">
        <v>84</v>
      </c>
      <c r="BG8" s="39">
        <v>27660</v>
      </c>
      <c r="BH8" s="39">
        <v>1973683</v>
      </c>
      <c r="BI8" s="39"/>
      <c r="BJ8" s="39"/>
      <c r="BK8" s="39"/>
      <c r="BL8" s="39"/>
      <c r="BM8" s="39">
        <v>121491</v>
      </c>
      <c r="BN8" s="39">
        <v>663164</v>
      </c>
      <c r="BO8" s="46">
        <v>164858</v>
      </c>
      <c r="BP8" s="40">
        <v>7342097</v>
      </c>
      <c r="BQ8" s="44">
        <v>18211716</v>
      </c>
      <c r="BR8" s="45">
        <v>350311300</v>
      </c>
      <c r="BS8" s="38" t="s">
        <v>82</v>
      </c>
      <c r="BT8" s="49">
        <v>17.600000000000001</v>
      </c>
      <c r="BU8" s="50">
        <v>599.11300000000006</v>
      </c>
      <c r="BV8" s="50">
        <v>138.012</v>
      </c>
      <c r="BW8" s="50">
        <v>754.72400000000005</v>
      </c>
      <c r="BX8" s="51">
        <v>17.5</v>
      </c>
      <c r="BY8" s="52">
        <v>2.1</v>
      </c>
      <c r="BZ8" s="52">
        <v>2.61</v>
      </c>
      <c r="CA8" s="52">
        <v>2.57</v>
      </c>
      <c r="CB8" s="39">
        <v>18375</v>
      </c>
      <c r="CC8" s="39">
        <v>6130</v>
      </c>
      <c r="CD8" s="39">
        <v>5996</v>
      </c>
      <c r="CE8" s="45">
        <v>8271</v>
      </c>
    </row>
    <row r="9" spans="2:84" s="11" customFormat="1" ht="12.95" hidden="1" customHeight="1" thickTop="1" x14ac:dyDescent="0.15">
      <c r="B9" s="38" t="s">
        <v>85</v>
      </c>
      <c r="C9" s="39">
        <v>361320</v>
      </c>
      <c r="D9" s="39">
        <v>6172087</v>
      </c>
      <c r="E9" s="39">
        <v>134175336</v>
      </c>
      <c r="F9" s="39">
        <v>12747241</v>
      </c>
      <c r="G9" s="39">
        <v>25440921</v>
      </c>
      <c r="H9" s="39">
        <v>157758752</v>
      </c>
      <c r="I9" s="39">
        <v>2893403</v>
      </c>
      <c r="J9" s="39">
        <v>7408677</v>
      </c>
      <c r="K9" s="39">
        <v>47312984</v>
      </c>
      <c r="L9" s="39">
        <v>16001964</v>
      </c>
      <c r="M9" s="39">
        <v>39021685</v>
      </c>
      <c r="N9" s="40">
        <v>339247072</v>
      </c>
      <c r="O9" s="53">
        <v>4388342</v>
      </c>
      <c r="P9" s="40">
        <v>7031223</v>
      </c>
      <c r="Q9" s="45">
        <v>32092740</v>
      </c>
      <c r="R9" s="38" t="s">
        <v>86</v>
      </c>
      <c r="S9" s="39">
        <v>328658</v>
      </c>
      <c r="T9" s="39">
        <v>5419402</v>
      </c>
      <c r="U9" s="39">
        <v>11886250</v>
      </c>
      <c r="V9" s="39">
        <v>5442</v>
      </c>
      <c r="W9" s="39">
        <v>27395</v>
      </c>
      <c r="X9" s="39">
        <v>255997</v>
      </c>
      <c r="Y9" s="39">
        <v>19498263</v>
      </c>
      <c r="Z9" s="40">
        <v>371573738</v>
      </c>
      <c r="AA9" s="44">
        <v>6992</v>
      </c>
      <c r="AB9" s="39">
        <v>7489</v>
      </c>
      <c r="AC9" s="39">
        <v>152383</v>
      </c>
      <c r="AD9" s="54" t="s">
        <v>87</v>
      </c>
      <c r="AE9" s="54" t="s">
        <v>88</v>
      </c>
      <c r="AF9" s="54" t="s">
        <v>89</v>
      </c>
      <c r="AG9" s="54" t="s">
        <v>87</v>
      </c>
      <c r="AH9" s="54" t="s">
        <v>90</v>
      </c>
      <c r="AI9" s="55" t="s">
        <v>87</v>
      </c>
      <c r="AJ9" s="38" t="s">
        <v>91</v>
      </c>
      <c r="AK9" s="54" t="s">
        <v>90</v>
      </c>
      <c r="AL9" s="54" t="s">
        <v>88</v>
      </c>
      <c r="AM9" s="39">
        <v>390714</v>
      </c>
      <c r="AN9" s="39">
        <v>4070913</v>
      </c>
      <c r="AO9" s="39">
        <v>398203</v>
      </c>
      <c r="AP9" s="39">
        <v>4223295</v>
      </c>
      <c r="AQ9" s="39">
        <v>139</v>
      </c>
      <c r="AR9" s="45">
        <v>7410</v>
      </c>
      <c r="AS9" s="39">
        <v>21603253</v>
      </c>
      <c r="AT9" s="45">
        <v>393027750</v>
      </c>
      <c r="AU9" s="46">
        <v>285809095</v>
      </c>
      <c r="AV9" s="39">
        <v>96681543</v>
      </c>
      <c r="AW9" s="54" t="s">
        <v>92</v>
      </c>
      <c r="AX9" s="44">
        <v>253639</v>
      </c>
      <c r="AY9" s="45">
        <v>23131116</v>
      </c>
      <c r="AZ9" s="54" t="s">
        <v>87</v>
      </c>
      <c r="BA9" s="55" t="s">
        <v>93</v>
      </c>
      <c r="BB9" s="38" t="s">
        <v>94</v>
      </c>
      <c r="BC9" s="46">
        <v>16116</v>
      </c>
      <c r="BD9" s="39">
        <v>4835690</v>
      </c>
      <c r="BE9" s="39" t="s">
        <v>84</v>
      </c>
      <c r="BF9" s="39" t="s">
        <v>84</v>
      </c>
      <c r="BG9" s="39">
        <v>29913</v>
      </c>
      <c r="BH9" s="39">
        <v>2132313</v>
      </c>
      <c r="BI9" s="54" t="s">
        <v>93</v>
      </c>
      <c r="BJ9" s="54" t="s">
        <v>93</v>
      </c>
      <c r="BK9" s="54" t="s">
        <v>95</v>
      </c>
      <c r="BL9" s="54" t="s">
        <v>92</v>
      </c>
      <c r="BM9" s="39">
        <v>331390</v>
      </c>
      <c r="BN9" s="39">
        <v>1176591</v>
      </c>
      <c r="BO9" s="46">
        <v>377419</v>
      </c>
      <c r="BP9" s="40">
        <v>8144594</v>
      </c>
      <c r="BQ9" s="44">
        <v>20257494</v>
      </c>
      <c r="BR9" s="45">
        <v>383625136</v>
      </c>
      <c r="BS9" s="38" t="s">
        <v>96</v>
      </c>
      <c r="BT9" s="49">
        <v>17.12</v>
      </c>
      <c r="BU9" s="50">
        <v>603.97299999999996</v>
      </c>
      <c r="BV9" s="50">
        <v>137.09100000000001</v>
      </c>
      <c r="BW9" s="50">
        <v>758.18399999999997</v>
      </c>
      <c r="BX9" s="51">
        <v>16.91</v>
      </c>
      <c r="BY9" s="52">
        <v>2.04</v>
      </c>
      <c r="BZ9" s="52">
        <v>2.56</v>
      </c>
      <c r="CA9" s="52">
        <v>2.48</v>
      </c>
      <c r="CB9" s="39">
        <v>20343</v>
      </c>
      <c r="CC9" s="39">
        <v>6303</v>
      </c>
      <c r="CD9" s="39">
        <v>6360</v>
      </c>
      <c r="CE9" s="45">
        <v>8734</v>
      </c>
    </row>
    <row r="10" spans="2:84" s="11" customFormat="1" ht="12.95" hidden="1" customHeight="1" thickTop="1" x14ac:dyDescent="0.15">
      <c r="B10" s="38" t="s">
        <v>97</v>
      </c>
      <c r="C10" s="39">
        <v>365546</v>
      </c>
      <c r="D10" s="39">
        <v>5995391</v>
      </c>
      <c r="E10" s="39">
        <v>138046185</v>
      </c>
      <c r="F10" s="39">
        <v>13220440</v>
      </c>
      <c r="G10" s="39">
        <v>25921824</v>
      </c>
      <c r="H10" s="39">
        <v>163486309</v>
      </c>
      <c r="I10" s="39">
        <v>3016915</v>
      </c>
      <c r="J10" s="39">
        <v>7632908</v>
      </c>
      <c r="K10" s="39">
        <v>49140756</v>
      </c>
      <c r="L10" s="39">
        <v>16602901</v>
      </c>
      <c r="M10" s="39">
        <v>39550123</v>
      </c>
      <c r="N10" s="40">
        <v>350673250</v>
      </c>
      <c r="O10" s="53">
        <v>5187891</v>
      </c>
      <c r="P10" s="40">
        <v>8225661</v>
      </c>
      <c r="Q10" s="45">
        <v>37127059</v>
      </c>
      <c r="R10" s="38" t="s">
        <v>98</v>
      </c>
      <c r="S10" s="39">
        <v>338768</v>
      </c>
      <c r="T10" s="39">
        <v>5497584</v>
      </c>
      <c r="U10" s="39">
        <v>12037540</v>
      </c>
      <c r="V10" s="39">
        <v>8064</v>
      </c>
      <c r="W10" s="39">
        <v>40897</v>
      </c>
      <c r="X10" s="39">
        <v>385374</v>
      </c>
      <c r="Y10" s="39">
        <v>21197919</v>
      </c>
      <c r="Z10" s="40">
        <v>388797045</v>
      </c>
      <c r="AA10" s="44">
        <v>7096</v>
      </c>
      <c r="AB10" s="39">
        <v>8459</v>
      </c>
      <c r="AC10" s="39">
        <v>150916</v>
      </c>
      <c r="AD10" s="54" t="s">
        <v>89</v>
      </c>
      <c r="AE10" s="54" t="s">
        <v>87</v>
      </c>
      <c r="AF10" s="54" t="s">
        <v>87</v>
      </c>
      <c r="AG10" s="54" t="s">
        <v>87</v>
      </c>
      <c r="AH10" s="54" t="s">
        <v>89</v>
      </c>
      <c r="AI10" s="55" t="s">
        <v>89</v>
      </c>
      <c r="AJ10" s="38" t="s">
        <v>99</v>
      </c>
      <c r="AK10" s="54" t="s">
        <v>87</v>
      </c>
      <c r="AL10" s="54" t="s">
        <v>92</v>
      </c>
      <c r="AM10" s="39">
        <v>417334</v>
      </c>
      <c r="AN10" s="39">
        <v>4370023</v>
      </c>
      <c r="AO10" s="39">
        <v>425793</v>
      </c>
      <c r="AP10" s="39">
        <v>4520940</v>
      </c>
      <c r="AQ10" s="39">
        <v>144</v>
      </c>
      <c r="AR10" s="45">
        <v>8708</v>
      </c>
      <c r="AS10" s="39">
        <v>22968814</v>
      </c>
      <c r="AT10" s="45">
        <v>412906272</v>
      </c>
      <c r="AU10" s="46">
        <v>300488160</v>
      </c>
      <c r="AV10" s="39">
        <v>99116502</v>
      </c>
      <c r="AW10" s="54" t="s">
        <v>93</v>
      </c>
      <c r="AX10" s="44">
        <v>264033</v>
      </c>
      <c r="AY10" s="45">
        <v>24325047</v>
      </c>
      <c r="AZ10" s="54" t="s">
        <v>92</v>
      </c>
      <c r="BA10" s="55" t="s">
        <v>87</v>
      </c>
      <c r="BB10" s="38" t="s">
        <v>100</v>
      </c>
      <c r="BC10" s="46">
        <v>16289</v>
      </c>
      <c r="BD10" s="39">
        <v>4887910</v>
      </c>
      <c r="BE10" s="39" t="s">
        <v>84</v>
      </c>
      <c r="BF10" s="39" t="s">
        <v>84</v>
      </c>
      <c r="BG10" s="39">
        <v>32621</v>
      </c>
      <c r="BH10" s="39">
        <v>2324767</v>
      </c>
      <c r="BI10" s="54" t="s">
        <v>87</v>
      </c>
      <c r="BJ10" s="54" t="s">
        <v>93</v>
      </c>
      <c r="BK10" s="54" t="s">
        <v>93</v>
      </c>
      <c r="BL10" s="54" t="s">
        <v>89</v>
      </c>
      <c r="BM10" s="39">
        <v>389204</v>
      </c>
      <c r="BN10" s="39">
        <v>1296923</v>
      </c>
      <c r="BO10" s="46">
        <v>438114</v>
      </c>
      <c r="BP10" s="40">
        <v>8509600</v>
      </c>
      <c r="BQ10" s="44">
        <v>22041367</v>
      </c>
      <c r="BR10" s="45">
        <v>401537350</v>
      </c>
      <c r="BS10" s="38" t="s">
        <v>101</v>
      </c>
      <c r="BT10" s="49">
        <v>17.32</v>
      </c>
      <c r="BU10" s="50">
        <v>626.39400000000001</v>
      </c>
      <c r="BV10" s="50">
        <v>142.94399999999999</v>
      </c>
      <c r="BW10" s="50">
        <v>786.65700000000004</v>
      </c>
      <c r="BX10" s="51">
        <v>17.079999999999998</v>
      </c>
      <c r="BY10" s="52">
        <v>2</v>
      </c>
      <c r="BZ10" s="52">
        <v>2.56</v>
      </c>
      <c r="CA10" s="52">
        <v>2.44</v>
      </c>
      <c r="CB10" s="39">
        <v>21739</v>
      </c>
      <c r="CC10" s="39">
        <v>6201</v>
      </c>
      <c r="CD10" s="39">
        <v>6386</v>
      </c>
      <c r="CE10" s="45">
        <v>8694</v>
      </c>
    </row>
    <row r="11" spans="2:84" s="11" customFormat="1" ht="15" hidden="1" customHeight="1" thickTop="1" x14ac:dyDescent="0.15">
      <c r="B11" s="38" t="s">
        <v>102</v>
      </c>
      <c r="C11" s="39">
        <v>366928</v>
      </c>
      <c r="D11" s="39">
        <v>6092189</v>
      </c>
      <c r="E11" s="39">
        <v>144925392</v>
      </c>
      <c r="F11" s="39">
        <v>13645278</v>
      </c>
      <c r="G11" s="39">
        <v>26811300</v>
      </c>
      <c r="H11" s="39">
        <v>166884790</v>
      </c>
      <c r="I11" s="39">
        <v>3109467</v>
      </c>
      <c r="J11" s="39">
        <v>7797441</v>
      </c>
      <c r="K11" s="39">
        <v>50627851</v>
      </c>
      <c r="L11" s="39">
        <v>17121673</v>
      </c>
      <c r="M11" s="39">
        <v>40700930</v>
      </c>
      <c r="N11" s="40">
        <v>362438033</v>
      </c>
      <c r="O11" s="56">
        <v>6882348</v>
      </c>
      <c r="P11" s="57">
        <v>10497278</v>
      </c>
      <c r="Q11" s="58">
        <v>53311616</v>
      </c>
      <c r="R11" s="38" t="s">
        <v>103</v>
      </c>
      <c r="S11" s="39">
        <v>347342</v>
      </c>
      <c r="T11" s="39">
        <v>5560351</v>
      </c>
      <c r="U11" s="39">
        <v>12135599</v>
      </c>
      <c r="V11" s="39">
        <v>6669</v>
      </c>
      <c r="W11" s="39">
        <v>37826</v>
      </c>
      <c r="X11" s="39">
        <v>357176</v>
      </c>
      <c r="Y11" s="39">
        <v>24010690</v>
      </c>
      <c r="Z11" s="40">
        <v>428242424</v>
      </c>
      <c r="AA11" s="44">
        <v>7072</v>
      </c>
      <c r="AB11" s="39">
        <v>8690</v>
      </c>
      <c r="AC11" s="39">
        <v>149486</v>
      </c>
      <c r="AD11" s="54" t="s">
        <v>87</v>
      </c>
      <c r="AE11" s="54" t="s">
        <v>87</v>
      </c>
      <c r="AF11" s="54" t="s">
        <v>87</v>
      </c>
      <c r="AG11" s="54" t="s">
        <v>95</v>
      </c>
      <c r="AH11" s="54" t="s">
        <v>87</v>
      </c>
      <c r="AI11" s="55" t="s">
        <v>93</v>
      </c>
      <c r="AJ11" s="38" t="s">
        <v>104</v>
      </c>
      <c r="AK11" s="54" t="s">
        <v>87</v>
      </c>
      <c r="AL11" s="54" t="s">
        <v>95</v>
      </c>
      <c r="AM11" s="39">
        <v>444263</v>
      </c>
      <c r="AN11" s="39">
        <v>4634532</v>
      </c>
      <c r="AO11" s="39">
        <v>452953</v>
      </c>
      <c r="AP11" s="39">
        <v>4784018</v>
      </c>
      <c r="AQ11" s="39">
        <v>161</v>
      </c>
      <c r="AR11" s="45">
        <v>8623</v>
      </c>
      <c r="AS11" s="39">
        <v>24470876</v>
      </c>
      <c r="AT11" s="45">
        <v>433035066</v>
      </c>
      <c r="AU11" s="46">
        <v>315485706</v>
      </c>
      <c r="AV11" s="39">
        <v>103636691</v>
      </c>
      <c r="AW11" s="54" t="s">
        <v>87</v>
      </c>
      <c r="AX11" s="44">
        <v>272860</v>
      </c>
      <c r="AY11" s="45">
        <v>25952039</v>
      </c>
      <c r="AZ11" s="54" t="s">
        <v>90</v>
      </c>
      <c r="BA11" s="55" t="s">
        <v>87</v>
      </c>
      <c r="BB11" s="38" t="s">
        <v>105</v>
      </c>
      <c r="BC11" s="46">
        <v>17113</v>
      </c>
      <c r="BD11" s="39">
        <v>5071705</v>
      </c>
      <c r="BE11" s="39" t="s">
        <v>84</v>
      </c>
      <c r="BF11" s="39" t="s">
        <v>84</v>
      </c>
      <c r="BG11" s="39">
        <v>33508</v>
      </c>
      <c r="BH11" s="39">
        <v>2383121</v>
      </c>
      <c r="BI11" s="54" t="s">
        <v>92</v>
      </c>
      <c r="BJ11" s="54" t="s">
        <v>92</v>
      </c>
      <c r="BK11" s="54" t="s">
        <v>92</v>
      </c>
      <c r="BL11" s="54" t="s">
        <v>90</v>
      </c>
      <c r="BM11" s="39">
        <v>568087</v>
      </c>
      <c r="BN11" s="39">
        <v>1709793</v>
      </c>
      <c r="BO11" s="46">
        <v>618708</v>
      </c>
      <c r="BP11" s="40">
        <v>9164619</v>
      </c>
      <c r="BQ11" s="44">
        <v>25089584</v>
      </c>
      <c r="BR11" s="45">
        <v>442199685</v>
      </c>
      <c r="BS11" s="38" t="s">
        <v>106</v>
      </c>
      <c r="BT11" s="59">
        <v>16.402999999999999</v>
      </c>
      <c r="BU11" s="60">
        <v>609.98299999999995</v>
      </c>
      <c r="BV11" s="60">
        <v>139.00200000000001</v>
      </c>
      <c r="BW11" s="60">
        <v>765.38800000000003</v>
      </c>
      <c r="BX11" s="61">
        <v>16.600000000000001</v>
      </c>
      <c r="BY11" s="62">
        <v>1.96</v>
      </c>
      <c r="BZ11" s="62">
        <v>2.5099999999999998</v>
      </c>
      <c r="CA11" s="62">
        <v>2.38</v>
      </c>
      <c r="CB11" s="39">
        <v>23789</v>
      </c>
      <c r="CC11" s="39">
        <v>6224</v>
      </c>
      <c r="CD11" s="39">
        <v>6493</v>
      </c>
      <c r="CE11" s="45">
        <v>8905</v>
      </c>
    </row>
    <row r="12" spans="2:84" s="11" customFormat="1" ht="15" hidden="1" customHeight="1" thickTop="1" x14ac:dyDescent="0.15">
      <c r="B12" s="38" t="s">
        <v>107</v>
      </c>
      <c r="C12" s="39">
        <v>382397</v>
      </c>
      <c r="D12" s="39">
        <v>6108387</v>
      </c>
      <c r="E12" s="39">
        <v>151255744</v>
      </c>
      <c r="F12" s="39">
        <v>14866660</v>
      </c>
      <c r="G12" s="39">
        <v>27773567</v>
      </c>
      <c r="H12" s="39">
        <v>174819840</v>
      </c>
      <c r="I12" s="39">
        <v>3374842</v>
      </c>
      <c r="J12" s="39">
        <v>8220025</v>
      </c>
      <c r="K12" s="39">
        <v>53559619</v>
      </c>
      <c r="L12" s="39">
        <v>18623899</v>
      </c>
      <c r="M12" s="39">
        <v>42101979</v>
      </c>
      <c r="N12" s="40">
        <v>379635203</v>
      </c>
      <c r="O12" s="56">
        <v>8206784</v>
      </c>
      <c r="P12" s="57">
        <v>11970317</v>
      </c>
      <c r="Q12" s="58">
        <v>66934167</v>
      </c>
      <c r="R12" s="38" t="s">
        <v>107</v>
      </c>
      <c r="S12" s="39">
        <v>356163</v>
      </c>
      <c r="T12" s="39">
        <v>5455129</v>
      </c>
      <c r="U12" s="39">
        <v>12080455</v>
      </c>
      <c r="V12" s="39">
        <v>8313</v>
      </c>
      <c r="W12" s="39">
        <v>49292</v>
      </c>
      <c r="X12" s="39">
        <v>464469</v>
      </c>
      <c r="Y12" s="39">
        <v>26838996</v>
      </c>
      <c r="Z12" s="40">
        <v>459114294</v>
      </c>
      <c r="AA12" s="44">
        <v>11232</v>
      </c>
      <c r="AB12" s="39">
        <v>14073</v>
      </c>
      <c r="AC12" s="39">
        <v>239480</v>
      </c>
      <c r="AD12" s="54" t="s">
        <v>108</v>
      </c>
      <c r="AE12" s="54" t="s">
        <v>108</v>
      </c>
      <c r="AF12" s="54" t="s">
        <v>108</v>
      </c>
      <c r="AG12" s="54" t="s">
        <v>108</v>
      </c>
      <c r="AH12" s="54" t="s">
        <v>108</v>
      </c>
      <c r="AI12" s="55" t="s">
        <v>108</v>
      </c>
      <c r="AJ12" s="38" t="s">
        <v>109</v>
      </c>
      <c r="AK12" s="54" t="s">
        <v>108</v>
      </c>
      <c r="AL12" s="54" t="s">
        <v>108</v>
      </c>
      <c r="AM12" s="39">
        <v>507983</v>
      </c>
      <c r="AN12" s="39">
        <v>5476459</v>
      </c>
      <c r="AO12" s="39">
        <v>522056</v>
      </c>
      <c r="AP12" s="39">
        <v>5715940</v>
      </c>
      <c r="AQ12" s="39">
        <v>86</v>
      </c>
      <c r="AR12" s="45">
        <v>6738</v>
      </c>
      <c r="AS12" s="39">
        <v>27372370</v>
      </c>
      <c r="AT12" s="45">
        <v>464835399</v>
      </c>
      <c r="AU12" s="46">
        <v>339855411</v>
      </c>
      <c r="AV12" s="39">
        <v>109225333</v>
      </c>
      <c r="AW12" s="54" t="s">
        <v>108</v>
      </c>
      <c r="AX12" s="44">
        <v>281963</v>
      </c>
      <c r="AY12" s="45">
        <v>26148375</v>
      </c>
      <c r="AZ12" s="54" t="s">
        <v>108</v>
      </c>
      <c r="BA12" s="55" t="s">
        <v>108</v>
      </c>
      <c r="BB12" s="38" t="s">
        <v>110</v>
      </c>
      <c r="BC12" s="46">
        <v>17496</v>
      </c>
      <c r="BD12" s="39">
        <v>5274190</v>
      </c>
      <c r="BE12" s="39" t="s">
        <v>84</v>
      </c>
      <c r="BF12" s="39" t="s">
        <v>84</v>
      </c>
      <c r="BG12" s="39">
        <v>37716</v>
      </c>
      <c r="BH12" s="39">
        <v>2681664</v>
      </c>
      <c r="BI12" s="54" t="s">
        <v>108</v>
      </c>
      <c r="BJ12" s="54" t="s">
        <v>108</v>
      </c>
      <c r="BK12" s="54" t="s">
        <v>108</v>
      </c>
      <c r="BL12" s="54" t="s">
        <v>108</v>
      </c>
      <c r="BM12" s="39">
        <v>755717</v>
      </c>
      <c r="BN12" s="39">
        <v>1951789</v>
      </c>
      <c r="BO12" s="46">
        <v>810929</v>
      </c>
      <c r="BP12" s="40">
        <v>9907643</v>
      </c>
      <c r="BQ12" s="44">
        <v>28183299</v>
      </c>
      <c r="BR12" s="45">
        <v>474743042</v>
      </c>
      <c r="BS12" s="38" t="s">
        <v>107</v>
      </c>
      <c r="BT12" s="59">
        <v>16.140999999999998</v>
      </c>
      <c r="BU12" s="60">
        <v>627.51</v>
      </c>
      <c r="BV12" s="60">
        <v>142.44900000000001</v>
      </c>
      <c r="BW12" s="60">
        <v>786.1</v>
      </c>
      <c r="BX12" s="61">
        <v>15.97</v>
      </c>
      <c r="BY12" s="62">
        <v>1.87</v>
      </c>
      <c r="BZ12" s="62">
        <v>2.44</v>
      </c>
      <c r="CA12" s="62">
        <v>2.2599999999999998</v>
      </c>
      <c r="CB12" s="39">
        <v>24762</v>
      </c>
      <c r="CC12" s="39">
        <v>6294</v>
      </c>
      <c r="CD12" s="39">
        <v>6516</v>
      </c>
      <c r="CE12" s="45">
        <v>9017</v>
      </c>
    </row>
    <row r="13" spans="2:84" s="11" customFormat="1" ht="15" hidden="1" customHeight="1" thickTop="1" x14ac:dyDescent="0.15">
      <c r="B13" s="38" t="s">
        <v>111</v>
      </c>
      <c r="C13" s="39">
        <v>394787</v>
      </c>
      <c r="D13" s="39">
        <v>6244978</v>
      </c>
      <c r="E13" s="39">
        <v>161037017</v>
      </c>
      <c r="F13" s="39">
        <v>15886969</v>
      </c>
      <c r="G13" s="39">
        <v>29322379</v>
      </c>
      <c r="H13" s="39">
        <v>189753706</v>
      </c>
      <c r="I13" s="39">
        <v>3575103</v>
      </c>
      <c r="J13" s="39">
        <v>8646197</v>
      </c>
      <c r="K13" s="39">
        <v>55811127</v>
      </c>
      <c r="L13" s="39">
        <v>19856859</v>
      </c>
      <c r="M13" s="39">
        <v>44213554</v>
      </c>
      <c r="N13" s="40">
        <v>406601850</v>
      </c>
      <c r="O13" s="63">
        <v>9141828</v>
      </c>
      <c r="P13" s="64">
        <v>13044746</v>
      </c>
      <c r="Q13" s="65">
        <v>79507874</v>
      </c>
      <c r="R13" s="38" t="s">
        <v>112</v>
      </c>
      <c r="S13" s="39">
        <v>370024</v>
      </c>
      <c r="T13" s="39">
        <v>5601784</v>
      </c>
      <c r="U13" s="39">
        <v>12445989</v>
      </c>
      <c r="V13" s="39">
        <v>9762</v>
      </c>
      <c r="W13" s="39">
        <v>57744</v>
      </c>
      <c r="X13" s="39">
        <v>544153</v>
      </c>
      <c r="Y13" s="39">
        <v>29008449</v>
      </c>
      <c r="Z13" s="40">
        <v>499099866</v>
      </c>
      <c r="AA13" s="44">
        <v>11834</v>
      </c>
      <c r="AB13" s="39">
        <v>17190</v>
      </c>
      <c r="AC13" s="39">
        <v>270553</v>
      </c>
      <c r="AD13" s="54" t="s">
        <v>108</v>
      </c>
      <c r="AE13" s="54" t="s">
        <v>108</v>
      </c>
      <c r="AF13" s="54" t="s">
        <v>108</v>
      </c>
      <c r="AG13" s="54" t="s">
        <v>108</v>
      </c>
      <c r="AH13" s="54" t="s">
        <v>108</v>
      </c>
      <c r="AI13" s="55" t="s">
        <v>108</v>
      </c>
      <c r="AJ13" s="38" t="s">
        <v>113</v>
      </c>
      <c r="AK13" s="54" t="s">
        <v>108</v>
      </c>
      <c r="AL13" s="54" t="s">
        <v>108</v>
      </c>
      <c r="AM13" s="39">
        <v>568481</v>
      </c>
      <c r="AN13" s="39">
        <v>6176117</v>
      </c>
      <c r="AO13" s="39">
        <v>585671</v>
      </c>
      <c r="AP13" s="39">
        <v>6446670</v>
      </c>
      <c r="AQ13" s="39">
        <v>90</v>
      </c>
      <c r="AR13" s="45">
        <v>5505</v>
      </c>
      <c r="AS13" s="39">
        <v>29606044</v>
      </c>
      <c r="AT13" s="45">
        <v>505552041</v>
      </c>
      <c r="AU13" s="46">
        <v>368835182</v>
      </c>
      <c r="AV13" s="39">
        <v>120642587</v>
      </c>
      <c r="AW13" s="54" t="s">
        <v>108</v>
      </c>
      <c r="AX13" s="44">
        <v>319173</v>
      </c>
      <c r="AY13" s="45">
        <v>29282925</v>
      </c>
      <c r="AZ13" s="54" t="s">
        <v>108</v>
      </c>
      <c r="BA13" s="55" t="s">
        <v>108</v>
      </c>
      <c r="BB13" s="38" t="s">
        <v>112</v>
      </c>
      <c r="BC13" s="46">
        <v>17284</v>
      </c>
      <c r="BD13" s="39">
        <v>5212645</v>
      </c>
      <c r="BE13" s="39" t="s">
        <v>84</v>
      </c>
      <c r="BF13" s="39" t="s">
        <v>84</v>
      </c>
      <c r="BG13" s="39">
        <v>38425</v>
      </c>
      <c r="BH13" s="39">
        <v>2732671</v>
      </c>
      <c r="BI13" s="54" t="s">
        <v>108</v>
      </c>
      <c r="BJ13" s="54" t="s">
        <v>108</v>
      </c>
      <c r="BK13" s="54" t="s">
        <v>108</v>
      </c>
      <c r="BL13" s="54" t="s">
        <v>108</v>
      </c>
      <c r="BM13" s="39">
        <v>917617</v>
      </c>
      <c r="BN13" s="39">
        <v>2463274</v>
      </c>
      <c r="BO13" s="46">
        <v>973326</v>
      </c>
      <c r="BP13" s="40">
        <v>10408590</v>
      </c>
      <c r="BQ13" s="44">
        <v>30579370</v>
      </c>
      <c r="BR13" s="45">
        <v>515960631</v>
      </c>
      <c r="BS13" s="38" t="s">
        <v>114</v>
      </c>
      <c r="BT13" s="59">
        <v>15.930999999999999</v>
      </c>
      <c r="BU13" s="60">
        <v>641.10599999999999</v>
      </c>
      <c r="BV13" s="60">
        <v>144.27000000000001</v>
      </c>
      <c r="BW13" s="60">
        <v>801.30799999999999</v>
      </c>
      <c r="BX13" s="61">
        <v>15.82</v>
      </c>
      <c r="BY13" s="62">
        <v>1.85</v>
      </c>
      <c r="BZ13" s="62">
        <v>2.42</v>
      </c>
      <c r="CA13" s="62">
        <v>2.23</v>
      </c>
      <c r="CB13" s="39">
        <v>25787</v>
      </c>
      <c r="CC13" s="39">
        <v>6471</v>
      </c>
      <c r="CD13" s="39">
        <v>6455</v>
      </c>
      <c r="CE13" s="45">
        <v>9196</v>
      </c>
    </row>
    <row r="14" spans="2:84" s="11" customFormat="1" ht="15" hidden="1" customHeight="1" thickTop="1" x14ac:dyDescent="0.15">
      <c r="B14" s="38" t="s">
        <v>115</v>
      </c>
      <c r="C14" s="39">
        <v>414705</v>
      </c>
      <c r="D14" s="39">
        <v>6465271</v>
      </c>
      <c r="E14" s="39">
        <v>171997456</v>
      </c>
      <c r="F14" s="39">
        <v>17127621</v>
      </c>
      <c r="G14" s="39">
        <v>31196370</v>
      </c>
      <c r="H14" s="39">
        <v>204456208</v>
      </c>
      <c r="I14" s="39">
        <v>3858380</v>
      </c>
      <c r="J14" s="39">
        <v>9169400</v>
      </c>
      <c r="K14" s="39">
        <v>58540131</v>
      </c>
      <c r="L14" s="39">
        <v>21400706</v>
      </c>
      <c r="M14" s="39">
        <v>46831041</v>
      </c>
      <c r="N14" s="40">
        <v>434987795</v>
      </c>
      <c r="O14" s="56">
        <v>10159760</v>
      </c>
      <c r="P14" s="57">
        <v>14270593</v>
      </c>
      <c r="Q14" s="58">
        <v>91259981</v>
      </c>
      <c r="R14" s="38" t="s">
        <v>116</v>
      </c>
      <c r="S14" s="39">
        <v>387429</v>
      </c>
      <c r="T14" s="39">
        <v>5778938</v>
      </c>
      <c r="U14" s="39">
        <v>12891716</v>
      </c>
      <c r="V14" s="39">
        <v>11651</v>
      </c>
      <c r="W14" s="39">
        <v>71445</v>
      </c>
      <c r="X14" s="39">
        <v>675470</v>
      </c>
      <c r="Y14" s="39">
        <v>31572117</v>
      </c>
      <c r="Z14" s="40">
        <v>539814962</v>
      </c>
      <c r="AA14" s="44">
        <v>13043</v>
      </c>
      <c r="AB14" s="39">
        <v>21306</v>
      </c>
      <c r="AC14" s="39">
        <v>345503</v>
      </c>
      <c r="AD14" s="54" t="s">
        <v>108</v>
      </c>
      <c r="AE14" s="54" t="s">
        <v>108</v>
      </c>
      <c r="AF14" s="54" t="s">
        <v>108</v>
      </c>
      <c r="AG14" s="54" t="s">
        <v>108</v>
      </c>
      <c r="AH14" s="54" t="s">
        <v>108</v>
      </c>
      <c r="AI14" s="55" t="s">
        <v>108</v>
      </c>
      <c r="AJ14" s="38" t="s">
        <v>115</v>
      </c>
      <c r="AK14" s="54" t="s">
        <v>108</v>
      </c>
      <c r="AL14" s="54" t="s">
        <v>108</v>
      </c>
      <c r="AM14" s="39">
        <v>638951</v>
      </c>
      <c r="AN14" s="39">
        <v>7081221</v>
      </c>
      <c r="AO14" s="39">
        <v>660257</v>
      </c>
      <c r="AP14" s="39">
        <v>7426724</v>
      </c>
      <c r="AQ14" s="39">
        <v>69</v>
      </c>
      <c r="AR14" s="45">
        <v>4678</v>
      </c>
      <c r="AS14" s="39">
        <v>32245486</v>
      </c>
      <c r="AT14" s="45">
        <v>547246364</v>
      </c>
      <c r="AU14" s="46">
        <v>403542877</v>
      </c>
      <c r="AV14" s="39">
        <v>126527248</v>
      </c>
      <c r="AW14" s="54" t="s">
        <v>108</v>
      </c>
      <c r="AX14" s="44">
        <v>379414</v>
      </c>
      <c r="AY14" s="45">
        <v>31893705</v>
      </c>
      <c r="AZ14" s="54" t="s">
        <v>108</v>
      </c>
      <c r="BA14" s="55" t="s">
        <v>108</v>
      </c>
      <c r="BB14" s="38" t="s">
        <v>117</v>
      </c>
      <c r="BC14" s="46">
        <v>16606</v>
      </c>
      <c r="BD14" s="39">
        <v>5002498</v>
      </c>
      <c r="BE14" s="39" t="s">
        <v>84</v>
      </c>
      <c r="BF14" s="39" t="s">
        <v>84</v>
      </c>
      <c r="BG14" s="39">
        <v>39920</v>
      </c>
      <c r="BH14" s="39">
        <v>2839847</v>
      </c>
      <c r="BI14" s="54" t="s">
        <v>108</v>
      </c>
      <c r="BJ14" s="54" t="s">
        <v>108</v>
      </c>
      <c r="BK14" s="54" t="s">
        <v>108</v>
      </c>
      <c r="BL14" s="54" t="s">
        <v>108</v>
      </c>
      <c r="BM14" s="39">
        <v>687462</v>
      </c>
      <c r="BN14" s="39">
        <v>2032332</v>
      </c>
      <c r="BO14" s="46">
        <v>743988</v>
      </c>
      <c r="BP14" s="40">
        <v>9874677</v>
      </c>
      <c r="BQ14" s="44">
        <v>32989474</v>
      </c>
      <c r="BR14" s="45">
        <v>557121041</v>
      </c>
      <c r="BS14" s="38" t="s">
        <v>118</v>
      </c>
      <c r="BT14" s="59">
        <v>16.2</v>
      </c>
      <c r="BU14" s="60">
        <v>669.09100000000001</v>
      </c>
      <c r="BV14" s="60">
        <v>150.72800000000001</v>
      </c>
      <c r="BW14" s="60">
        <v>836.01900000000001</v>
      </c>
      <c r="BX14" s="61">
        <v>15.59</v>
      </c>
      <c r="BY14" s="62">
        <v>1.82</v>
      </c>
      <c r="BZ14" s="62">
        <v>2.38</v>
      </c>
      <c r="CA14" s="62">
        <v>2.19</v>
      </c>
      <c r="CB14" s="39">
        <v>26602</v>
      </c>
      <c r="CC14" s="39">
        <v>6554</v>
      </c>
      <c r="CD14" s="39">
        <v>6384</v>
      </c>
      <c r="CE14" s="45">
        <v>9288</v>
      </c>
    </row>
    <row r="15" spans="2:84" s="37" customFormat="1" ht="15" hidden="1" customHeight="1" thickTop="1" x14ac:dyDescent="0.15">
      <c r="B15" s="66" t="s">
        <v>119</v>
      </c>
      <c r="C15" s="67">
        <v>433771</v>
      </c>
      <c r="D15" s="67">
        <v>6634722</v>
      </c>
      <c r="E15" s="67">
        <v>184301630</v>
      </c>
      <c r="F15" s="67">
        <v>18465813</v>
      </c>
      <c r="G15" s="67">
        <v>33087386</v>
      </c>
      <c r="H15" s="67">
        <v>221053755</v>
      </c>
      <c r="I15" s="67">
        <v>4092147</v>
      </c>
      <c r="J15" s="67">
        <v>9535691</v>
      </c>
      <c r="K15" s="67">
        <v>60755358</v>
      </c>
      <c r="L15" s="67">
        <v>22991731</v>
      </c>
      <c r="M15" s="67">
        <v>49257799</v>
      </c>
      <c r="N15" s="67">
        <v>466110743</v>
      </c>
      <c r="O15" s="68">
        <v>11213930</v>
      </c>
      <c r="P15" s="67">
        <v>15482019</v>
      </c>
      <c r="Q15" s="69">
        <v>105908486</v>
      </c>
      <c r="R15" s="66" t="s">
        <v>120</v>
      </c>
      <c r="S15" s="70">
        <v>405044</v>
      </c>
      <c r="T15" s="70">
        <v>5908120</v>
      </c>
      <c r="U15" s="71">
        <v>13247001</v>
      </c>
      <c r="V15" s="72">
        <v>13068</v>
      </c>
      <c r="W15" s="73">
        <v>80540</v>
      </c>
      <c r="X15" s="73">
        <v>760500</v>
      </c>
      <c r="Y15" s="73">
        <v>34218729</v>
      </c>
      <c r="Z15" s="67">
        <v>586026729</v>
      </c>
      <c r="AA15" s="74">
        <v>14332</v>
      </c>
      <c r="AB15" s="67">
        <v>22175</v>
      </c>
      <c r="AC15" s="67">
        <v>403825</v>
      </c>
      <c r="AD15" s="54" t="s">
        <v>108</v>
      </c>
      <c r="AE15" s="54" t="s">
        <v>108</v>
      </c>
      <c r="AF15" s="54" t="s">
        <v>108</v>
      </c>
      <c r="AG15" s="54" t="s">
        <v>108</v>
      </c>
      <c r="AH15" s="54" t="s">
        <v>108</v>
      </c>
      <c r="AI15" s="55" t="s">
        <v>108</v>
      </c>
      <c r="AJ15" s="66" t="s">
        <v>120</v>
      </c>
      <c r="AK15" s="54" t="s">
        <v>108</v>
      </c>
      <c r="AL15" s="54" t="s">
        <v>108</v>
      </c>
      <c r="AM15" s="67">
        <v>720134</v>
      </c>
      <c r="AN15" s="67">
        <v>8014961</v>
      </c>
      <c r="AO15" s="67">
        <v>742309</v>
      </c>
      <c r="AP15" s="67">
        <v>8418786</v>
      </c>
      <c r="AQ15" s="75">
        <v>53</v>
      </c>
      <c r="AR15" s="76">
        <v>2790</v>
      </c>
      <c r="AS15" s="67">
        <v>34975423</v>
      </c>
      <c r="AT15" s="69">
        <v>594448305</v>
      </c>
      <c r="AU15" s="77">
        <v>440308982</v>
      </c>
      <c r="AV15" s="67">
        <v>135268375</v>
      </c>
      <c r="AW15" s="54" t="s">
        <v>108</v>
      </c>
      <c r="AX15" s="68">
        <v>457123</v>
      </c>
      <c r="AY15" s="69">
        <v>34923452</v>
      </c>
      <c r="AZ15" s="54" t="s">
        <v>108</v>
      </c>
      <c r="BA15" s="55" t="s">
        <v>108</v>
      </c>
      <c r="BB15" s="66" t="s">
        <v>121</v>
      </c>
      <c r="BC15" s="77">
        <v>15748</v>
      </c>
      <c r="BD15" s="67">
        <v>4743979</v>
      </c>
      <c r="BE15" s="78" t="s">
        <v>84</v>
      </c>
      <c r="BF15" s="78" t="s">
        <v>84</v>
      </c>
      <c r="BG15" s="67">
        <v>42393</v>
      </c>
      <c r="BH15" s="67">
        <v>3013273</v>
      </c>
      <c r="BI15" s="54" t="s">
        <v>108</v>
      </c>
      <c r="BJ15" s="54" t="s">
        <v>108</v>
      </c>
      <c r="BK15" s="54" t="s">
        <v>108</v>
      </c>
      <c r="BL15" s="54" t="s">
        <v>108</v>
      </c>
      <c r="BM15" s="67">
        <v>636947</v>
      </c>
      <c r="BN15" s="70">
        <v>1864288</v>
      </c>
      <c r="BO15" s="77">
        <v>695088</v>
      </c>
      <c r="BP15" s="67">
        <v>9621540</v>
      </c>
      <c r="BQ15" s="74">
        <v>35670511</v>
      </c>
      <c r="BR15" s="69">
        <v>604069845</v>
      </c>
      <c r="BS15" s="66" t="s">
        <v>120</v>
      </c>
      <c r="BT15" s="79">
        <v>16.625</v>
      </c>
      <c r="BU15" s="80">
        <v>707.72</v>
      </c>
      <c r="BV15" s="80">
        <v>156.83500000000001</v>
      </c>
      <c r="BW15" s="80">
        <v>881.18</v>
      </c>
      <c r="BX15" s="81">
        <v>15.3</v>
      </c>
      <c r="BY15" s="82">
        <v>1.79</v>
      </c>
      <c r="BZ15" s="82">
        <v>2.33</v>
      </c>
      <c r="CA15" s="82">
        <v>2.14</v>
      </c>
      <c r="CB15" s="83">
        <v>27778</v>
      </c>
      <c r="CC15" s="67">
        <v>6681</v>
      </c>
      <c r="CD15" s="67">
        <v>6371</v>
      </c>
      <c r="CE15" s="69">
        <v>9463</v>
      </c>
    </row>
    <row r="16" spans="2:84" s="37" customFormat="1" ht="15" customHeight="1" thickTop="1" x14ac:dyDescent="0.15">
      <c r="B16" s="84" t="s">
        <v>122</v>
      </c>
      <c r="C16" s="57">
        <v>444660</v>
      </c>
      <c r="D16" s="57">
        <v>6675876</v>
      </c>
      <c r="E16" s="57">
        <v>192714379</v>
      </c>
      <c r="F16" s="57">
        <v>19291035</v>
      </c>
      <c r="G16" s="57">
        <v>34087974</v>
      </c>
      <c r="H16" s="57">
        <v>227518289</v>
      </c>
      <c r="I16" s="57">
        <v>4195410</v>
      </c>
      <c r="J16" s="57">
        <v>9711050</v>
      </c>
      <c r="K16" s="57">
        <v>59894672</v>
      </c>
      <c r="L16" s="57">
        <v>23931105</v>
      </c>
      <c r="M16" s="57">
        <v>50474900</v>
      </c>
      <c r="N16" s="57">
        <v>480127340</v>
      </c>
      <c r="O16" s="56">
        <v>11962428</v>
      </c>
      <c r="P16" s="57">
        <v>16251199</v>
      </c>
      <c r="Q16" s="58">
        <v>112357504</v>
      </c>
      <c r="R16" s="84" t="s">
        <v>123</v>
      </c>
      <c r="S16" s="85">
        <v>414940</v>
      </c>
      <c r="T16" s="85">
        <v>15880441</v>
      </c>
      <c r="U16" s="86">
        <v>11307881</v>
      </c>
      <c r="V16" s="87">
        <v>13677</v>
      </c>
      <c r="W16" s="88">
        <v>83797</v>
      </c>
      <c r="X16" s="88">
        <v>794738</v>
      </c>
      <c r="Y16" s="88">
        <v>35907210</v>
      </c>
      <c r="Z16" s="57">
        <v>604587464</v>
      </c>
      <c r="AA16" s="89">
        <v>11655</v>
      </c>
      <c r="AB16" s="57">
        <v>22200</v>
      </c>
      <c r="AC16" s="57">
        <v>411583</v>
      </c>
      <c r="AD16" s="54" t="s">
        <v>108</v>
      </c>
      <c r="AE16" s="54" t="s">
        <v>108</v>
      </c>
      <c r="AF16" s="54" t="s">
        <v>108</v>
      </c>
      <c r="AG16" s="54" t="s">
        <v>108</v>
      </c>
      <c r="AH16" s="54" t="s">
        <v>108</v>
      </c>
      <c r="AI16" s="55" t="s">
        <v>108</v>
      </c>
      <c r="AJ16" s="84" t="s">
        <v>123</v>
      </c>
      <c r="AK16" s="54" t="s">
        <v>108</v>
      </c>
      <c r="AL16" s="54" t="s">
        <v>108</v>
      </c>
      <c r="AM16" s="57">
        <v>804432</v>
      </c>
      <c r="AN16" s="57">
        <v>8916874</v>
      </c>
      <c r="AO16" s="57">
        <v>826632</v>
      </c>
      <c r="AP16" s="57">
        <v>9328457</v>
      </c>
      <c r="AQ16" s="90">
        <v>42</v>
      </c>
      <c r="AR16" s="91">
        <v>2717</v>
      </c>
      <c r="AS16" s="57">
        <v>36745539</v>
      </c>
      <c r="AT16" s="58">
        <v>613918637</v>
      </c>
      <c r="AU16" s="92">
        <v>454134484</v>
      </c>
      <c r="AV16" s="57">
        <v>140213513</v>
      </c>
      <c r="AW16" s="54" t="s">
        <v>108</v>
      </c>
      <c r="AX16" s="56">
        <v>556604</v>
      </c>
      <c r="AY16" s="58">
        <v>37849630</v>
      </c>
      <c r="AZ16" s="54" t="s">
        <v>108</v>
      </c>
      <c r="BA16" s="55" t="s">
        <v>108</v>
      </c>
      <c r="BB16" s="84" t="s">
        <v>123</v>
      </c>
      <c r="BC16" s="92">
        <v>15841</v>
      </c>
      <c r="BD16" s="57">
        <v>5111911</v>
      </c>
      <c r="BE16" s="93">
        <v>42166</v>
      </c>
      <c r="BF16" s="93">
        <v>2666766</v>
      </c>
      <c r="BG16" s="57">
        <v>42166</v>
      </c>
      <c r="BH16" s="57">
        <v>2666766</v>
      </c>
      <c r="BI16" s="54" t="s">
        <v>108</v>
      </c>
      <c r="BJ16" s="54" t="s">
        <v>108</v>
      </c>
      <c r="BK16" s="54" t="s">
        <v>108</v>
      </c>
      <c r="BL16" s="54" t="s">
        <v>108</v>
      </c>
      <c r="BM16" s="57">
        <v>341184</v>
      </c>
      <c r="BN16" s="85">
        <v>1800923</v>
      </c>
      <c r="BO16" s="92">
        <v>399191</v>
      </c>
      <c r="BP16" s="57">
        <v>9579601</v>
      </c>
      <c r="BQ16" s="89">
        <v>37144730</v>
      </c>
      <c r="BR16" s="58">
        <v>623498238</v>
      </c>
      <c r="BS16" s="84" t="s">
        <v>124</v>
      </c>
      <c r="BT16" s="94">
        <v>16.849</v>
      </c>
      <c r="BU16" s="95">
        <v>730.96600000000001</v>
      </c>
      <c r="BV16" s="95">
        <v>158.97</v>
      </c>
      <c r="BW16" s="95">
        <v>906.78499999999997</v>
      </c>
      <c r="BX16" s="61">
        <v>15.01</v>
      </c>
      <c r="BY16" s="62">
        <v>1.77</v>
      </c>
      <c r="BZ16" s="62">
        <v>2.31</v>
      </c>
      <c r="CA16" s="62">
        <v>2.11</v>
      </c>
      <c r="CB16" s="96">
        <v>28867</v>
      </c>
      <c r="CC16" s="57">
        <v>6674</v>
      </c>
      <c r="CD16" s="57">
        <v>6168</v>
      </c>
      <c r="CE16" s="58">
        <v>9512</v>
      </c>
    </row>
    <row r="17" spans="2:84" s="37" customFormat="1" ht="15" customHeight="1" x14ac:dyDescent="0.15">
      <c r="B17" s="97" t="s">
        <v>125</v>
      </c>
      <c r="C17" s="67">
        <v>455054</v>
      </c>
      <c r="D17" s="67">
        <v>6806218</v>
      </c>
      <c r="E17" s="67">
        <v>208480824</v>
      </c>
      <c r="F17" s="67">
        <v>20142708</v>
      </c>
      <c r="G17" s="67">
        <v>35224407</v>
      </c>
      <c r="H17" s="67">
        <v>239849882</v>
      </c>
      <c r="I17" s="67">
        <v>4236551</v>
      </c>
      <c r="J17" s="67">
        <v>9606329</v>
      </c>
      <c r="K17" s="67">
        <v>60029462</v>
      </c>
      <c r="L17" s="67">
        <v>24834313</v>
      </c>
      <c r="M17" s="67">
        <v>51636954</v>
      </c>
      <c r="N17" s="67">
        <v>508360169</v>
      </c>
      <c r="O17" s="68">
        <v>12782033</v>
      </c>
      <c r="P17" s="67">
        <v>17224012</v>
      </c>
      <c r="Q17" s="69">
        <v>126090162</v>
      </c>
      <c r="R17" s="97" t="s">
        <v>126</v>
      </c>
      <c r="S17" s="70">
        <v>425651</v>
      </c>
      <c r="T17" s="70">
        <v>17112970</v>
      </c>
      <c r="U17" s="71">
        <v>11389523</v>
      </c>
      <c r="V17" s="72">
        <v>16309</v>
      </c>
      <c r="W17" s="73">
        <v>98771</v>
      </c>
      <c r="X17" s="73">
        <v>941559</v>
      </c>
      <c r="Y17" s="73">
        <v>37632655</v>
      </c>
      <c r="Z17" s="67">
        <v>646781413</v>
      </c>
      <c r="AA17" s="74">
        <v>8485</v>
      </c>
      <c r="AB17" s="67">
        <v>22580</v>
      </c>
      <c r="AC17" s="67">
        <v>387507</v>
      </c>
      <c r="AD17" s="54" t="s">
        <v>108</v>
      </c>
      <c r="AE17" s="54" t="s">
        <v>108</v>
      </c>
      <c r="AF17" s="54" t="s">
        <v>108</v>
      </c>
      <c r="AG17" s="54" t="s">
        <v>108</v>
      </c>
      <c r="AH17" s="54" t="s">
        <v>108</v>
      </c>
      <c r="AI17" s="55" t="s">
        <v>108</v>
      </c>
      <c r="AJ17" s="97" t="s">
        <v>125</v>
      </c>
      <c r="AK17" s="54" t="s">
        <v>108</v>
      </c>
      <c r="AL17" s="54" t="s">
        <v>108</v>
      </c>
      <c r="AM17" s="67">
        <v>907404</v>
      </c>
      <c r="AN17" s="67">
        <v>10009164</v>
      </c>
      <c r="AO17" s="67">
        <v>929984</v>
      </c>
      <c r="AP17" s="67">
        <v>10396671</v>
      </c>
      <c r="AQ17" s="75">
        <v>30</v>
      </c>
      <c r="AR17" s="76">
        <v>731</v>
      </c>
      <c r="AS17" s="67">
        <v>38571154</v>
      </c>
      <c r="AT17" s="69">
        <v>657178815</v>
      </c>
      <c r="AU17" s="77">
        <v>489072477</v>
      </c>
      <c r="AV17" s="57">
        <v>148481047</v>
      </c>
      <c r="AW17" s="54" t="s">
        <v>108</v>
      </c>
      <c r="AX17" s="68">
        <v>666719</v>
      </c>
      <c r="AY17" s="69">
        <v>41331276</v>
      </c>
      <c r="AZ17" s="54" t="s">
        <v>108</v>
      </c>
      <c r="BA17" s="55" t="s">
        <v>108</v>
      </c>
      <c r="BB17" s="97" t="s">
        <v>126</v>
      </c>
      <c r="BC17" s="77">
        <v>15243</v>
      </c>
      <c r="BD17" s="67">
        <v>5342489</v>
      </c>
      <c r="BE17" s="78" t="s">
        <v>84</v>
      </c>
      <c r="BF17" s="78" t="s">
        <v>84</v>
      </c>
      <c r="BG17" s="67">
        <v>44640</v>
      </c>
      <c r="BH17" s="67">
        <v>2308204</v>
      </c>
      <c r="BI17" s="54" t="s">
        <v>108</v>
      </c>
      <c r="BJ17" s="54" t="s">
        <v>108</v>
      </c>
      <c r="BK17" s="54" t="s">
        <v>108</v>
      </c>
      <c r="BL17" s="54" t="s">
        <v>108</v>
      </c>
      <c r="BM17" s="67">
        <v>288716</v>
      </c>
      <c r="BN17" s="70">
        <v>2269904</v>
      </c>
      <c r="BO17" s="77">
        <v>348599</v>
      </c>
      <c r="BP17" s="67">
        <v>9920597</v>
      </c>
      <c r="BQ17" s="74">
        <v>38919753</v>
      </c>
      <c r="BR17" s="69">
        <v>667099412</v>
      </c>
      <c r="BS17" s="97" t="s">
        <v>127</v>
      </c>
      <c r="BT17" s="79">
        <v>17.207999999999998</v>
      </c>
      <c r="BU17" s="80">
        <v>761.69500000000005</v>
      </c>
      <c r="BV17" s="80">
        <v>160.20500000000001</v>
      </c>
      <c r="BW17" s="80">
        <v>939.10699999999997</v>
      </c>
      <c r="BX17" s="98">
        <v>14.96</v>
      </c>
      <c r="BY17" s="99">
        <v>1.75</v>
      </c>
      <c r="BZ17" s="99">
        <v>2.27</v>
      </c>
      <c r="CA17" s="99">
        <v>2.08</v>
      </c>
      <c r="CB17" s="83">
        <v>30631</v>
      </c>
      <c r="CC17" s="67">
        <v>6809</v>
      </c>
      <c r="CD17" s="67">
        <v>6249</v>
      </c>
      <c r="CE17" s="69">
        <v>9845</v>
      </c>
    </row>
    <row r="18" spans="2:84" s="37" customFormat="1" ht="15" customHeight="1" x14ac:dyDescent="0.15">
      <c r="B18" s="84" t="s">
        <v>128</v>
      </c>
      <c r="C18" s="57">
        <v>459379</v>
      </c>
      <c r="D18" s="57">
        <v>6851200</v>
      </c>
      <c r="E18" s="57">
        <v>215884512</v>
      </c>
      <c r="F18" s="57">
        <v>20273869</v>
      </c>
      <c r="G18" s="57">
        <v>34728886</v>
      </c>
      <c r="H18" s="57">
        <v>244274745</v>
      </c>
      <c r="I18" s="57">
        <v>4273227</v>
      </c>
      <c r="J18" s="57">
        <v>9488572</v>
      </c>
      <c r="K18" s="57">
        <v>60271494</v>
      </c>
      <c r="L18" s="57">
        <v>25006475</v>
      </c>
      <c r="M18" s="85">
        <v>51068658</v>
      </c>
      <c r="N18" s="57">
        <v>520430751</v>
      </c>
      <c r="O18" s="56">
        <v>13179250</v>
      </c>
      <c r="P18" s="57">
        <v>17326104</v>
      </c>
      <c r="Q18" s="58">
        <v>133064325</v>
      </c>
      <c r="R18" s="84" t="s">
        <v>129</v>
      </c>
      <c r="S18" s="85">
        <v>430138</v>
      </c>
      <c r="T18" s="85">
        <v>17228452</v>
      </c>
      <c r="U18" s="86">
        <v>11495113</v>
      </c>
      <c r="V18" s="87">
        <v>19311</v>
      </c>
      <c r="W18" s="88">
        <v>117482</v>
      </c>
      <c r="X18" s="88">
        <v>1180461</v>
      </c>
      <c r="Y18" s="88">
        <v>38205036</v>
      </c>
      <c r="Z18" s="57">
        <v>666170650</v>
      </c>
      <c r="AA18" s="89">
        <v>7866</v>
      </c>
      <c r="AB18" s="57">
        <v>21296</v>
      </c>
      <c r="AC18" s="57">
        <v>362296</v>
      </c>
      <c r="AD18" s="54">
        <v>16381</v>
      </c>
      <c r="AE18" s="54">
        <v>532748</v>
      </c>
      <c r="AF18" s="54">
        <v>851347</v>
      </c>
      <c r="AG18" s="54">
        <v>7958735</v>
      </c>
      <c r="AH18" s="54">
        <v>43844</v>
      </c>
      <c r="AI18" s="100">
        <v>1317313</v>
      </c>
      <c r="AJ18" s="84" t="s">
        <v>128</v>
      </c>
      <c r="AK18" s="101">
        <v>40432</v>
      </c>
      <c r="AL18" s="101">
        <v>582473</v>
      </c>
      <c r="AM18" s="88">
        <v>160</v>
      </c>
      <c r="AN18" s="88">
        <v>3704</v>
      </c>
      <c r="AO18" s="88">
        <v>973460</v>
      </c>
      <c r="AP18" s="88">
        <v>10757269</v>
      </c>
      <c r="AQ18" s="102">
        <v>30</v>
      </c>
      <c r="AR18" s="103">
        <v>1080</v>
      </c>
      <c r="AS18" s="88">
        <v>39186392</v>
      </c>
      <c r="AT18" s="104">
        <v>676928999</v>
      </c>
      <c r="AU18" s="87">
        <v>492381416</v>
      </c>
      <c r="AV18" s="86">
        <v>155584152</v>
      </c>
      <c r="AW18" s="101">
        <v>28963431</v>
      </c>
      <c r="AX18" s="105">
        <v>737002</v>
      </c>
      <c r="AY18" s="104">
        <v>47469240</v>
      </c>
      <c r="AZ18" s="101">
        <v>0</v>
      </c>
      <c r="BA18" s="100">
        <v>0</v>
      </c>
      <c r="BB18" s="84" t="s">
        <v>130</v>
      </c>
      <c r="BC18" s="92">
        <v>14568</v>
      </c>
      <c r="BD18" s="85">
        <v>5178382</v>
      </c>
      <c r="BE18" s="93" t="s">
        <v>84</v>
      </c>
      <c r="BF18" s="93" t="s">
        <v>84</v>
      </c>
      <c r="BG18" s="57">
        <v>16465</v>
      </c>
      <c r="BH18" s="57">
        <v>852085</v>
      </c>
      <c r="BI18" s="101">
        <v>4957</v>
      </c>
      <c r="BJ18" s="101">
        <v>444697</v>
      </c>
      <c r="BK18" s="101">
        <v>30</v>
      </c>
      <c r="BL18" s="101">
        <v>5049</v>
      </c>
      <c r="BM18" s="57">
        <v>235023</v>
      </c>
      <c r="BN18" s="85">
        <v>1741363</v>
      </c>
      <c r="BO18" s="92">
        <v>271043</v>
      </c>
      <c r="BP18" s="57">
        <v>8221577</v>
      </c>
      <c r="BQ18" s="89">
        <v>39457435</v>
      </c>
      <c r="BR18" s="58">
        <v>685150575</v>
      </c>
      <c r="BS18" s="84" t="s">
        <v>131</v>
      </c>
      <c r="BT18" s="94">
        <v>17.486999999999998</v>
      </c>
      <c r="BU18" s="95">
        <v>771.779</v>
      </c>
      <c r="BV18" s="95">
        <v>162.672</v>
      </c>
      <c r="BW18" s="106">
        <v>951.93899999999996</v>
      </c>
      <c r="BX18" s="61">
        <v>14.91</v>
      </c>
      <c r="BY18" s="62">
        <v>1.71</v>
      </c>
      <c r="BZ18" s="62">
        <v>2.2200000000000002</v>
      </c>
      <c r="CA18" s="62">
        <v>2.04</v>
      </c>
      <c r="CB18" s="96">
        <v>33188</v>
      </c>
      <c r="CC18" s="57">
        <v>10865</v>
      </c>
      <c r="CD18" s="57">
        <v>6352</v>
      </c>
      <c r="CE18" s="58">
        <v>13147</v>
      </c>
    </row>
    <row r="19" spans="2:84" s="37" customFormat="1" ht="15" customHeight="1" x14ac:dyDescent="0.15">
      <c r="B19" s="84" t="s">
        <v>132</v>
      </c>
      <c r="C19" s="57">
        <v>462076</v>
      </c>
      <c r="D19" s="57">
        <v>6832712</v>
      </c>
      <c r="E19" s="57">
        <v>222173730</v>
      </c>
      <c r="F19" s="57">
        <v>20405749</v>
      </c>
      <c r="G19" s="57">
        <v>34271149</v>
      </c>
      <c r="H19" s="57">
        <v>251354839</v>
      </c>
      <c r="I19" s="57">
        <v>4324724</v>
      </c>
      <c r="J19" s="57">
        <v>9451742</v>
      </c>
      <c r="K19" s="57">
        <v>59599329</v>
      </c>
      <c r="L19" s="57">
        <v>25192549</v>
      </c>
      <c r="M19" s="57">
        <v>50555603</v>
      </c>
      <c r="N19" s="57">
        <v>533127899</v>
      </c>
      <c r="O19" s="56">
        <v>13424359</v>
      </c>
      <c r="P19" s="57">
        <v>17327896</v>
      </c>
      <c r="Q19" s="58">
        <v>141207242</v>
      </c>
      <c r="R19" s="84" t="s">
        <v>133</v>
      </c>
      <c r="S19" s="85">
        <v>432884</v>
      </c>
      <c r="T19" s="85">
        <v>17222110</v>
      </c>
      <c r="U19" s="86">
        <v>11519221</v>
      </c>
      <c r="V19" s="87">
        <v>21500</v>
      </c>
      <c r="W19" s="88">
        <v>131697</v>
      </c>
      <c r="X19" s="88">
        <v>1325102</v>
      </c>
      <c r="Y19" s="88">
        <v>38638408</v>
      </c>
      <c r="Z19" s="57">
        <v>687179463</v>
      </c>
      <c r="AA19" s="89">
        <v>8868</v>
      </c>
      <c r="AB19" s="57">
        <v>23804</v>
      </c>
      <c r="AC19" s="57">
        <v>435288</v>
      </c>
      <c r="AD19" s="40">
        <v>17282</v>
      </c>
      <c r="AE19" s="40">
        <v>568087</v>
      </c>
      <c r="AF19" s="40">
        <v>911523</v>
      </c>
      <c r="AG19" s="40">
        <v>8323921</v>
      </c>
      <c r="AH19" s="40">
        <v>50993</v>
      </c>
      <c r="AI19" s="45">
        <v>1504701</v>
      </c>
      <c r="AJ19" s="84" t="s">
        <v>134</v>
      </c>
      <c r="AK19" s="40">
        <v>41742</v>
      </c>
      <c r="AL19" s="40">
        <v>604246</v>
      </c>
      <c r="AM19" s="57">
        <v>118</v>
      </c>
      <c r="AN19" s="57">
        <v>4014</v>
      </c>
      <c r="AO19" s="57">
        <v>1045462</v>
      </c>
      <c r="AP19" s="57">
        <v>11440258</v>
      </c>
      <c r="AQ19" s="90">
        <v>40</v>
      </c>
      <c r="AR19" s="91">
        <v>1098</v>
      </c>
      <c r="AS19" s="57">
        <v>39692778</v>
      </c>
      <c r="AT19" s="58">
        <v>698620819</v>
      </c>
      <c r="AU19" s="92">
        <v>506876705</v>
      </c>
      <c r="AV19" s="57">
        <v>160391467</v>
      </c>
      <c r="AW19" s="40">
        <v>31352647</v>
      </c>
      <c r="AX19" s="56">
        <v>804680</v>
      </c>
      <c r="AY19" s="58">
        <v>51239997</v>
      </c>
      <c r="AZ19" s="107">
        <v>356</v>
      </c>
      <c r="BA19" s="108">
        <v>10635</v>
      </c>
      <c r="BB19" s="38" t="s">
        <v>134</v>
      </c>
      <c r="BC19" s="109">
        <v>14005</v>
      </c>
      <c r="BD19" s="42">
        <v>5543261</v>
      </c>
      <c r="BE19" s="110" t="s">
        <v>84</v>
      </c>
      <c r="BF19" s="110" t="s">
        <v>84</v>
      </c>
      <c r="BG19" s="42">
        <v>13092</v>
      </c>
      <c r="BH19" s="42">
        <v>673340</v>
      </c>
      <c r="BI19" s="111">
        <v>4729</v>
      </c>
      <c r="BJ19" s="111">
        <v>420437</v>
      </c>
      <c r="BK19" s="111">
        <v>38</v>
      </c>
      <c r="BL19" s="111">
        <v>6729</v>
      </c>
      <c r="BM19" s="112">
        <v>148966</v>
      </c>
      <c r="BN19" s="112">
        <v>1387099</v>
      </c>
      <c r="BO19" s="109">
        <v>180830</v>
      </c>
      <c r="BP19" s="42">
        <v>8030865</v>
      </c>
      <c r="BQ19" s="113">
        <v>39873608</v>
      </c>
      <c r="BR19" s="43">
        <v>706651684</v>
      </c>
      <c r="BS19" s="38" t="s">
        <v>134</v>
      </c>
      <c r="BT19" s="114">
        <v>17.501000000000001</v>
      </c>
      <c r="BU19" s="115">
        <v>772.85900000000004</v>
      </c>
      <c r="BV19" s="115">
        <v>163.797</v>
      </c>
      <c r="BW19" s="115">
        <v>954.15700000000004</v>
      </c>
      <c r="BX19" s="116">
        <v>14.787000000000001</v>
      </c>
      <c r="BY19" s="117">
        <v>1.679</v>
      </c>
      <c r="BZ19" s="117">
        <v>2.1859999999999999</v>
      </c>
      <c r="CA19" s="117">
        <v>2.0070000000000001</v>
      </c>
      <c r="CB19" s="118">
        <v>34202</v>
      </c>
      <c r="CC19" s="42">
        <v>11455</v>
      </c>
      <c r="CD19" s="42">
        <v>6306</v>
      </c>
      <c r="CE19" s="43">
        <v>13974</v>
      </c>
      <c r="CF19" s="119"/>
    </row>
    <row r="20" spans="2:84" s="37" customFormat="1" ht="15" customHeight="1" x14ac:dyDescent="0.15">
      <c r="B20" s="84" t="s">
        <v>135</v>
      </c>
      <c r="C20" s="57">
        <v>466268</v>
      </c>
      <c r="D20" s="57">
        <v>6826437</v>
      </c>
      <c r="E20" s="57">
        <v>235566605</v>
      </c>
      <c r="F20" s="57">
        <v>20177739</v>
      </c>
      <c r="G20" s="57">
        <v>34226535</v>
      </c>
      <c r="H20" s="57">
        <v>257261653</v>
      </c>
      <c r="I20" s="57">
        <v>4403353</v>
      </c>
      <c r="J20" s="57">
        <v>9480418</v>
      </c>
      <c r="K20" s="57">
        <v>59979021</v>
      </c>
      <c r="L20" s="57">
        <v>25047360</v>
      </c>
      <c r="M20" s="57">
        <v>50533390</v>
      </c>
      <c r="N20" s="57">
        <v>552807279</v>
      </c>
      <c r="O20" s="56">
        <v>13865198</v>
      </c>
      <c r="P20" s="57">
        <v>17817918</v>
      </c>
      <c r="Q20" s="58">
        <v>144847466</v>
      </c>
      <c r="R20" s="84" t="s">
        <v>136</v>
      </c>
      <c r="S20" s="85">
        <v>437312</v>
      </c>
      <c r="T20" s="85">
        <v>17164621</v>
      </c>
      <c r="U20" s="86">
        <v>11492641</v>
      </c>
      <c r="V20" s="87">
        <v>23557</v>
      </c>
      <c r="W20" s="88">
        <v>144414</v>
      </c>
      <c r="X20" s="88">
        <v>1470403</v>
      </c>
      <c r="Y20" s="88">
        <v>38936115</v>
      </c>
      <c r="Z20" s="57">
        <v>710617788</v>
      </c>
      <c r="AA20" s="89">
        <v>8912</v>
      </c>
      <c r="AB20" s="57">
        <v>26763</v>
      </c>
      <c r="AC20" s="57">
        <v>397617</v>
      </c>
      <c r="AD20" s="40">
        <v>17492</v>
      </c>
      <c r="AE20" s="40">
        <v>599358</v>
      </c>
      <c r="AF20" s="40">
        <v>955618</v>
      </c>
      <c r="AG20" s="40">
        <v>8565488</v>
      </c>
      <c r="AH20" s="40">
        <v>56612</v>
      </c>
      <c r="AI20" s="45">
        <v>1601943</v>
      </c>
      <c r="AJ20" s="84" t="s">
        <v>137</v>
      </c>
      <c r="AK20" s="40">
        <v>42100</v>
      </c>
      <c r="AL20" s="40">
        <v>582220</v>
      </c>
      <c r="AM20" s="57">
        <v>68</v>
      </c>
      <c r="AN20" s="57">
        <v>1488</v>
      </c>
      <c r="AO20" s="57">
        <v>1098653</v>
      </c>
      <c r="AP20" s="57">
        <v>11748115</v>
      </c>
      <c r="AQ20" s="90">
        <v>38</v>
      </c>
      <c r="AR20" s="91">
        <v>1075</v>
      </c>
      <c r="AS20" s="57">
        <v>40043718</v>
      </c>
      <c r="AT20" s="58">
        <v>722366978</v>
      </c>
      <c r="AU20" s="92">
        <v>524573442</v>
      </c>
      <c r="AV20" s="57">
        <v>165304995</v>
      </c>
      <c r="AW20" s="40">
        <v>32488542</v>
      </c>
      <c r="AX20" s="56">
        <v>843283</v>
      </c>
      <c r="AY20" s="58">
        <v>55720146</v>
      </c>
      <c r="AZ20" s="47">
        <v>1178</v>
      </c>
      <c r="BA20" s="45">
        <v>29869</v>
      </c>
      <c r="BB20" s="84" t="s">
        <v>135</v>
      </c>
      <c r="BC20" s="92">
        <v>14248</v>
      </c>
      <c r="BD20" s="57">
        <v>5958984</v>
      </c>
      <c r="BE20" s="93" t="s">
        <v>84</v>
      </c>
      <c r="BF20" s="93" t="s">
        <v>84</v>
      </c>
      <c r="BG20" s="57">
        <v>13182</v>
      </c>
      <c r="BH20" s="57">
        <v>681620</v>
      </c>
      <c r="BI20" s="39">
        <v>4989</v>
      </c>
      <c r="BJ20" s="39">
        <v>385591</v>
      </c>
      <c r="BK20" s="39">
        <v>21</v>
      </c>
      <c r="BL20" s="39">
        <v>3911</v>
      </c>
      <c r="BM20" s="85">
        <v>132473</v>
      </c>
      <c r="BN20" s="85">
        <v>1244179</v>
      </c>
      <c r="BO20" s="92">
        <v>164913</v>
      </c>
      <c r="BP20" s="57">
        <v>8274285</v>
      </c>
      <c r="BQ20" s="89">
        <v>40208631</v>
      </c>
      <c r="BR20" s="58">
        <v>730641263</v>
      </c>
      <c r="BS20" s="84" t="s">
        <v>138</v>
      </c>
      <c r="BT20" s="94">
        <v>17.684999999999999</v>
      </c>
      <c r="BU20" s="95">
        <v>765.33500000000004</v>
      </c>
      <c r="BV20" s="95">
        <v>167.018</v>
      </c>
      <c r="BW20" s="95">
        <v>950.03800000000001</v>
      </c>
      <c r="BX20" s="61">
        <v>14.641</v>
      </c>
      <c r="BY20" s="62">
        <v>1.696</v>
      </c>
      <c r="BZ20" s="62">
        <v>2.153</v>
      </c>
      <c r="CA20" s="62">
        <v>2.0179999999999998</v>
      </c>
      <c r="CB20" s="96">
        <v>36192</v>
      </c>
      <c r="CC20" s="57">
        <v>11748</v>
      </c>
      <c r="CD20" s="57">
        <v>6327</v>
      </c>
      <c r="CE20" s="58">
        <v>14295</v>
      </c>
    </row>
    <row r="21" spans="2:84" s="37" customFormat="1" ht="15" customHeight="1" x14ac:dyDescent="0.15">
      <c r="B21" s="97" t="s">
        <v>139</v>
      </c>
      <c r="C21" s="67">
        <v>464011</v>
      </c>
      <c r="D21" s="67">
        <v>6742609</v>
      </c>
      <c r="E21" s="67">
        <v>242304583</v>
      </c>
      <c r="F21" s="67">
        <v>20210881</v>
      </c>
      <c r="G21" s="67">
        <v>33706204</v>
      </c>
      <c r="H21" s="67">
        <v>261284929</v>
      </c>
      <c r="I21" s="67">
        <v>4495173</v>
      </c>
      <c r="J21" s="67">
        <v>9452505</v>
      </c>
      <c r="K21" s="67">
        <v>60536869</v>
      </c>
      <c r="L21" s="67">
        <v>25170065</v>
      </c>
      <c r="M21" s="67">
        <v>49901318</v>
      </c>
      <c r="N21" s="67">
        <v>564126380</v>
      </c>
      <c r="O21" s="68">
        <v>14130849</v>
      </c>
      <c r="P21" s="67">
        <v>17929926</v>
      </c>
      <c r="Q21" s="69">
        <v>154918648</v>
      </c>
      <c r="R21" s="97" t="s">
        <v>140</v>
      </c>
      <c r="S21" s="70">
        <v>435765</v>
      </c>
      <c r="T21" s="70">
        <v>17019923</v>
      </c>
      <c r="U21" s="71">
        <v>11435851</v>
      </c>
      <c r="V21" s="72">
        <v>26797</v>
      </c>
      <c r="W21" s="73">
        <v>163431</v>
      </c>
      <c r="X21" s="73">
        <v>1672344</v>
      </c>
      <c r="Y21" s="73">
        <v>39327711</v>
      </c>
      <c r="Z21" s="67">
        <v>732153223</v>
      </c>
      <c r="AA21" s="74">
        <v>8183</v>
      </c>
      <c r="AB21" s="67">
        <v>31443</v>
      </c>
      <c r="AC21" s="67">
        <v>478857</v>
      </c>
      <c r="AD21" s="120">
        <v>18793</v>
      </c>
      <c r="AE21" s="120">
        <v>607114</v>
      </c>
      <c r="AF21" s="120">
        <v>1006994</v>
      </c>
      <c r="AG21" s="120">
        <v>8744537</v>
      </c>
      <c r="AH21" s="120">
        <v>58210</v>
      </c>
      <c r="AI21" s="121">
        <v>1699721</v>
      </c>
      <c r="AJ21" s="97" t="s">
        <v>141</v>
      </c>
      <c r="AK21" s="120">
        <v>40578</v>
      </c>
      <c r="AL21" s="120">
        <v>572006</v>
      </c>
      <c r="AM21" s="67">
        <v>83</v>
      </c>
      <c r="AN21" s="67">
        <v>1049</v>
      </c>
      <c r="AO21" s="67">
        <v>1156101</v>
      </c>
      <c r="AP21" s="67">
        <v>12103283</v>
      </c>
      <c r="AQ21" s="75">
        <v>58</v>
      </c>
      <c r="AR21" s="76">
        <v>6682</v>
      </c>
      <c r="AS21" s="77">
        <v>40492053</v>
      </c>
      <c r="AT21" s="69">
        <v>744263189</v>
      </c>
      <c r="AU21" s="77">
        <v>541064451</v>
      </c>
      <c r="AV21" s="67">
        <v>169439705</v>
      </c>
      <c r="AW21" s="120">
        <v>33759032</v>
      </c>
      <c r="AX21" s="68">
        <v>912272</v>
      </c>
      <c r="AY21" s="67">
        <v>58720724</v>
      </c>
      <c r="AZ21" s="122">
        <v>744</v>
      </c>
      <c r="BA21" s="121">
        <v>15909</v>
      </c>
      <c r="BB21" s="97" t="s">
        <v>142</v>
      </c>
      <c r="BC21" s="77">
        <v>13703</v>
      </c>
      <c r="BD21" s="67">
        <v>5592111</v>
      </c>
      <c r="BE21" s="78" t="s">
        <v>84</v>
      </c>
      <c r="BF21" s="78" t="s">
        <v>84</v>
      </c>
      <c r="BG21" s="67">
        <v>13629</v>
      </c>
      <c r="BH21" s="67">
        <v>702820</v>
      </c>
      <c r="BI21" s="123">
        <v>4259</v>
      </c>
      <c r="BJ21" s="123">
        <v>367049</v>
      </c>
      <c r="BK21" s="123">
        <v>21</v>
      </c>
      <c r="BL21" s="123">
        <v>3541</v>
      </c>
      <c r="BM21" s="70">
        <v>126541</v>
      </c>
      <c r="BN21" s="70">
        <v>1138522</v>
      </c>
      <c r="BO21" s="77">
        <v>158153</v>
      </c>
      <c r="BP21" s="67">
        <v>7804043</v>
      </c>
      <c r="BQ21" s="74">
        <v>40650206</v>
      </c>
      <c r="BR21" s="69">
        <v>752067231</v>
      </c>
      <c r="BS21" s="97" t="s">
        <v>139</v>
      </c>
      <c r="BT21" s="79">
        <v>17.661999999999999</v>
      </c>
      <c r="BU21" s="80">
        <v>769.32</v>
      </c>
      <c r="BV21" s="80">
        <v>171.107</v>
      </c>
      <c r="BW21" s="80">
        <v>958.08900000000006</v>
      </c>
      <c r="BX21" s="98">
        <v>14.531000000000001</v>
      </c>
      <c r="BY21" s="99">
        <v>1.6679999999999999</v>
      </c>
      <c r="BZ21" s="99">
        <v>2.1030000000000002</v>
      </c>
      <c r="CA21" s="99">
        <v>1.9830000000000001</v>
      </c>
      <c r="CB21" s="83">
        <v>37632</v>
      </c>
      <c r="CC21" s="67">
        <v>12348</v>
      </c>
      <c r="CD21" s="67">
        <v>6404</v>
      </c>
      <c r="CE21" s="69">
        <v>15065</v>
      </c>
    </row>
    <row r="22" spans="2:84" s="37" customFormat="1" ht="15" customHeight="1" x14ac:dyDescent="0.15">
      <c r="B22" s="84" t="s">
        <v>143</v>
      </c>
      <c r="C22" s="57">
        <v>464677</v>
      </c>
      <c r="D22" s="57">
        <v>6647796</v>
      </c>
      <c r="E22" s="57">
        <v>248466814</v>
      </c>
      <c r="F22" s="57">
        <v>20388717</v>
      </c>
      <c r="G22" s="57">
        <v>33417020</v>
      </c>
      <c r="H22" s="57">
        <v>265148437</v>
      </c>
      <c r="I22" s="57">
        <v>4570796</v>
      </c>
      <c r="J22" s="57">
        <v>9375632</v>
      </c>
      <c r="K22" s="57">
        <v>61005233</v>
      </c>
      <c r="L22" s="57">
        <v>25424190</v>
      </c>
      <c r="M22" s="57">
        <v>49440448</v>
      </c>
      <c r="N22" s="57">
        <v>574620483</v>
      </c>
      <c r="O22" s="56">
        <v>14302558</v>
      </c>
      <c r="P22" s="57">
        <v>17972874</v>
      </c>
      <c r="Q22" s="58">
        <v>154124308</v>
      </c>
      <c r="R22" s="84" t="s">
        <v>144</v>
      </c>
      <c r="S22" s="85">
        <v>436833</v>
      </c>
      <c r="T22" s="85">
        <v>16880397</v>
      </c>
      <c r="U22" s="86">
        <v>11301575</v>
      </c>
      <c r="V22" s="87">
        <v>30137</v>
      </c>
      <c r="W22" s="88">
        <v>182406</v>
      </c>
      <c r="X22" s="88">
        <v>1916928</v>
      </c>
      <c r="Y22" s="88">
        <v>39756885</v>
      </c>
      <c r="Z22" s="57">
        <v>741963294</v>
      </c>
      <c r="AA22" s="89">
        <v>8028</v>
      </c>
      <c r="AB22" s="57">
        <v>31158</v>
      </c>
      <c r="AC22" s="57">
        <v>511626</v>
      </c>
      <c r="AD22" s="40">
        <v>18082</v>
      </c>
      <c r="AE22" s="40">
        <v>633999</v>
      </c>
      <c r="AF22" s="40">
        <v>1034007</v>
      </c>
      <c r="AG22" s="40">
        <v>8753326</v>
      </c>
      <c r="AH22" s="40">
        <v>60064</v>
      </c>
      <c r="AI22" s="45">
        <v>1776923</v>
      </c>
      <c r="AJ22" s="84" t="s">
        <v>143</v>
      </c>
      <c r="AK22" s="40">
        <v>44401</v>
      </c>
      <c r="AL22" s="40">
        <v>623995</v>
      </c>
      <c r="AM22" s="57">
        <v>121</v>
      </c>
      <c r="AN22" s="57">
        <v>1389</v>
      </c>
      <c r="AO22" s="57">
        <v>1187833</v>
      </c>
      <c r="AP22" s="57">
        <v>12301258</v>
      </c>
      <c r="AQ22" s="90">
        <v>39</v>
      </c>
      <c r="AR22" s="91">
        <v>7080</v>
      </c>
      <c r="AS22" s="92">
        <v>40952785</v>
      </c>
      <c r="AT22" s="58">
        <v>754271632</v>
      </c>
      <c r="AU22" s="92">
        <v>548924759</v>
      </c>
      <c r="AV22" s="57">
        <v>170783057</v>
      </c>
      <c r="AW22" s="40">
        <v>34563816</v>
      </c>
      <c r="AX22" s="56">
        <v>1053126</v>
      </c>
      <c r="AY22" s="57">
        <v>62642609</v>
      </c>
      <c r="AZ22" s="44">
        <v>1578</v>
      </c>
      <c r="BA22" s="45">
        <v>31254</v>
      </c>
      <c r="BB22" s="84" t="s">
        <v>143</v>
      </c>
      <c r="BC22" s="92">
        <v>13327</v>
      </c>
      <c r="BD22" s="57">
        <v>5507737</v>
      </c>
      <c r="BE22" s="93" t="s">
        <v>84</v>
      </c>
      <c r="BF22" s="93" t="s">
        <v>84</v>
      </c>
      <c r="BG22" s="57">
        <v>13119</v>
      </c>
      <c r="BH22" s="57">
        <v>674000</v>
      </c>
      <c r="BI22" s="39">
        <v>4427</v>
      </c>
      <c r="BJ22" s="39">
        <v>371852</v>
      </c>
      <c r="BK22" s="39">
        <v>19</v>
      </c>
      <c r="BL22" s="39">
        <v>3122</v>
      </c>
      <c r="BM22" s="85">
        <v>121110</v>
      </c>
      <c r="BN22" s="85">
        <v>1111978</v>
      </c>
      <c r="BO22" s="92">
        <v>152002</v>
      </c>
      <c r="BP22" s="57">
        <v>7668689</v>
      </c>
      <c r="BQ22" s="89">
        <v>41104787</v>
      </c>
      <c r="BR22" s="58">
        <v>761940321</v>
      </c>
      <c r="BS22" s="84" t="s">
        <v>143</v>
      </c>
      <c r="BT22" s="94">
        <v>17.891999999999999</v>
      </c>
      <c r="BU22" s="95">
        <v>785.06100000000004</v>
      </c>
      <c r="BV22" s="95">
        <v>175.99700000000001</v>
      </c>
      <c r="BW22" s="95">
        <v>978.95100000000002</v>
      </c>
      <c r="BX22" s="61">
        <v>14.31</v>
      </c>
      <c r="BY22" s="62">
        <v>1.64</v>
      </c>
      <c r="BZ22" s="62">
        <v>2.0499999999999998</v>
      </c>
      <c r="CA22" s="62">
        <v>1.95</v>
      </c>
      <c r="CB22" s="124">
        <v>39076</v>
      </c>
      <c r="CC22" s="124">
        <v>12547</v>
      </c>
      <c r="CD22" s="124">
        <v>6507</v>
      </c>
      <c r="CE22" s="125">
        <v>15397</v>
      </c>
    </row>
    <row r="23" spans="2:84" s="37" customFormat="1" ht="15" customHeight="1" x14ac:dyDescent="0.15">
      <c r="B23" s="84" t="s">
        <v>145</v>
      </c>
      <c r="C23" s="57">
        <v>462104</v>
      </c>
      <c r="D23" s="57">
        <v>6606662</v>
      </c>
      <c r="E23" s="57">
        <v>251127615</v>
      </c>
      <c r="F23" s="57">
        <v>20195602</v>
      </c>
      <c r="G23" s="57">
        <v>32666687</v>
      </c>
      <c r="H23" s="57">
        <v>266852856</v>
      </c>
      <c r="I23" s="57">
        <v>4638348</v>
      </c>
      <c r="J23" s="57">
        <v>9320829</v>
      </c>
      <c r="K23" s="57">
        <v>60830782</v>
      </c>
      <c r="L23" s="57">
        <v>25294054</v>
      </c>
      <c r="M23" s="57">
        <v>48594178</v>
      </c>
      <c r="N23" s="57">
        <v>578811253</v>
      </c>
      <c r="O23" s="56">
        <v>14238257</v>
      </c>
      <c r="P23" s="57">
        <v>17683992</v>
      </c>
      <c r="Q23" s="58">
        <v>159291110</v>
      </c>
      <c r="R23" s="84" t="s">
        <v>145</v>
      </c>
      <c r="S23" s="85">
        <v>434483</v>
      </c>
      <c r="T23" s="85">
        <v>16764980</v>
      </c>
      <c r="U23" s="86">
        <v>11246810</v>
      </c>
      <c r="V23" s="87">
        <v>33711</v>
      </c>
      <c r="W23" s="88">
        <v>206229</v>
      </c>
      <c r="X23" s="88">
        <v>2182830</v>
      </c>
      <c r="Y23" s="88">
        <v>39566022</v>
      </c>
      <c r="Z23" s="57">
        <v>751532003</v>
      </c>
      <c r="AA23" s="89">
        <v>7810</v>
      </c>
      <c r="AB23" s="57">
        <v>33625</v>
      </c>
      <c r="AC23" s="57">
        <v>515821</v>
      </c>
      <c r="AD23" s="40">
        <v>18112</v>
      </c>
      <c r="AE23" s="40">
        <v>640637</v>
      </c>
      <c r="AF23" s="40">
        <v>1036615</v>
      </c>
      <c r="AG23" s="40">
        <v>8496661</v>
      </c>
      <c r="AH23" s="40">
        <v>61861</v>
      </c>
      <c r="AI23" s="45">
        <v>1848196</v>
      </c>
      <c r="AJ23" s="84" t="s">
        <v>145</v>
      </c>
      <c r="AK23" s="40">
        <v>43676</v>
      </c>
      <c r="AL23" s="40">
        <v>625797</v>
      </c>
      <c r="AM23" s="57">
        <v>75</v>
      </c>
      <c r="AN23" s="57">
        <v>4017</v>
      </c>
      <c r="AO23" s="57">
        <v>1193964</v>
      </c>
      <c r="AP23" s="57">
        <v>12131128</v>
      </c>
      <c r="AQ23" s="90">
        <v>43</v>
      </c>
      <c r="AR23" s="91">
        <v>4900</v>
      </c>
      <c r="AS23" s="92">
        <v>40767839</v>
      </c>
      <c r="AT23" s="58">
        <v>763668031</v>
      </c>
      <c r="AU23" s="92">
        <v>556556465</v>
      </c>
      <c r="AV23" s="57">
        <v>172505410</v>
      </c>
      <c r="AW23" s="40">
        <v>34606156</v>
      </c>
      <c r="AX23" s="56">
        <v>1080987</v>
      </c>
      <c r="AY23" s="57">
        <v>63953299</v>
      </c>
      <c r="AZ23" s="44">
        <v>1509</v>
      </c>
      <c r="BA23" s="45">
        <v>35428</v>
      </c>
      <c r="BB23" s="84" t="s">
        <v>145</v>
      </c>
      <c r="BC23" s="92">
        <v>12859</v>
      </c>
      <c r="BD23" s="57">
        <v>5196472</v>
      </c>
      <c r="BE23" s="93"/>
      <c r="BF23" s="93"/>
      <c r="BG23" s="57">
        <v>13105</v>
      </c>
      <c r="BH23" s="57">
        <v>673430</v>
      </c>
      <c r="BI23" s="39">
        <v>4160</v>
      </c>
      <c r="BJ23" s="39">
        <v>340057</v>
      </c>
      <c r="BK23" s="39">
        <v>21</v>
      </c>
      <c r="BL23" s="39">
        <v>3539</v>
      </c>
      <c r="BM23" s="85">
        <v>118489</v>
      </c>
      <c r="BN23" s="85">
        <v>1070764</v>
      </c>
      <c r="BO23" s="92">
        <v>148634</v>
      </c>
      <c r="BP23" s="57">
        <v>7284262</v>
      </c>
      <c r="BQ23" s="89">
        <v>40916473</v>
      </c>
      <c r="BR23" s="58">
        <v>770952293</v>
      </c>
      <c r="BS23" s="84" t="s">
        <v>145</v>
      </c>
      <c r="BT23" s="94">
        <v>18.097000000000001</v>
      </c>
      <c r="BU23" s="95">
        <v>790.91600000000005</v>
      </c>
      <c r="BV23" s="95">
        <v>181.572</v>
      </c>
      <c r="BW23" s="95">
        <v>990.58600000000001</v>
      </c>
      <c r="BX23" s="61">
        <v>14.3</v>
      </c>
      <c r="BY23" s="61">
        <v>1.62</v>
      </c>
      <c r="BZ23" s="61">
        <v>2.0099999999999998</v>
      </c>
      <c r="CA23" s="61">
        <v>1.92</v>
      </c>
      <c r="CB23" s="124">
        <v>39714</v>
      </c>
      <c r="CC23" s="124">
        <v>13045</v>
      </c>
      <c r="CD23" s="124">
        <v>6526</v>
      </c>
      <c r="CE23" s="125">
        <v>15784</v>
      </c>
    </row>
    <row r="24" spans="2:84" s="37" customFormat="1" ht="15" customHeight="1" x14ac:dyDescent="0.15">
      <c r="B24" s="84" t="s">
        <v>146</v>
      </c>
      <c r="C24" s="57">
        <v>458456</v>
      </c>
      <c r="D24" s="57">
        <v>6508004</v>
      </c>
      <c r="E24" s="57">
        <v>251741580</v>
      </c>
      <c r="F24" s="57">
        <v>19953287</v>
      </c>
      <c r="G24" s="57">
        <v>31984631</v>
      </c>
      <c r="H24" s="57">
        <v>268931298</v>
      </c>
      <c r="I24" s="57">
        <v>4667941</v>
      </c>
      <c r="J24" s="57">
        <v>9173438</v>
      </c>
      <c r="K24" s="57">
        <v>61202520</v>
      </c>
      <c r="L24" s="57">
        <v>25079684</v>
      </c>
      <c r="M24" s="57">
        <v>47666073</v>
      </c>
      <c r="N24" s="57">
        <v>581875398</v>
      </c>
      <c r="O24" s="56">
        <v>14180671</v>
      </c>
      <c r="P24" s="57">
        <v>17447485</v>
      </c>
      <c r="Q24" s="58">
        <v>159169633</v>
      </c>
      <c r="R24" s="84" t="s">
        <v>146</v>
      </c>
      <c r="S24" s="85">
        <v>432736</v>
      </c>
      <c r="T24" s="85">
        <v>16653763</v>
      </c>
      <c r="U24" s="86">
        <v>11101131</v>
      </c>
      <c r="V24" s="87">
        <v>38065</v>
      </c>
      <c r="W24" s="88">
        <v>231861</v>
      </c>
      <c r="X24" s="88">
        <v>2495889</v>
      </c>
      <c r="Y24" s="88">
        <v>39298420</v>
      </c>
      <c r="Z24" s="57">
        <v>754642052</v>
      </c>
      <c r="AA24" s="89">
        <v>8496</v>
      </c>
      <c r="AB24" s="57">
        <v>35696</v>
      </c>
      <c r="AC24" s="57">
        <v>583052</v>
      </c>
      <c r="AD24" s="40">
        <v>18212</v>
      </c>
      <c r="AE24" s="40">
        <v>649673</v>
      </c>
      <c r="AF24" s="40">
        <v>1015032</v>
      </c>
      <c r="AG24" s="40">
        <v>8190087</v>
      </c>
      <c r="AH24" s="40">
        <v>62166</v>
      </c>
      <c r="AI24" s="45">
        <v>1839907</v>
      </c>
      <c r="AJ24" s="84" t="s">
        <v>146</v>
      </c>
      <c r="AK24" s="40">
        <v>44344</v>
      </c>
      <c r="AL24" s="40">
        <v>621140</v>
      </c>
      <c r="AM24" s="57">
        <v>88</v>
      </c>
      <c r="AN24" s="57">
        <v>1257</v>
      </c>
      <c r="AO24" s="57">
        <v>1175538</v>
      </c>
      <c r="AP24" s="57">
        <v>11885117</v>
      </c>
      <c r="AQ24" s="90">
        <v>57</v>
      </c>
      <c r="AR24" s="91">
        <v>5817</v>
      </c>
      <c r="AS24" s="92">
        <v>40482511</v>
      </c>
      <c r="AT24" s="58">
        <v>766532986</v>
      </c>
      <c r="AU24" s="92">
        <v>559880323</v>
      </c>
      <c r="AV24" s="57">
        <v>172416568</v>
      </c>
      <c r="AW24" s="40">
        <v>34236094</v>
      </c>
      <c r="AX24" s="56">
        <v>1154771</v>
      </c>
      <c r="AY24" s="57">
        <v>65478994</v>
      </c>
      <c r="AZ24" s="44">
        <v>1761</v>
      </c>
      <c r="BA24" s="45">
        <v>38341</v>
      </c>
      <c r="BB24" s="84" t="s">
        <v>146</v>
      </c>
      <c r="BC24" s="92">
        <v>12223</v>
      </c>
      <c r="BD24" s="57">
        <v>4930063</v>
      </c>
      <c r="BE24" s="93" t="s">
        <v>84</v>
      </c>
      <c r="BF24" s="93" t="s">
        <v>84</v>
      </c>
      <c r="BG24" s="57">
        <v>13149</v>
      </c>
      <c r="BH24" s="57">
        <v>672490</v>
      </c>
      <c r="BI24" s="39">
        <v>4051</v>
      </c>
      <c r="BJ24" s="39">
        <v>338086</v>
      </c>
      <c r="BK24" s="39">
        <v>19</v>
      </c>
      <c r="BL24" s="39">
        <v>3375</v>
      </c>
      <c r="BM24" s="85">
        <v>39696</v>
      </c>
      <c r="BN24" s="85">
        <v>608203</v>
      </c>
      <c r="BO24" s="92">
        <v>69138</v>
      </c>
      <c r="BP24" s="57">
        <v>6552217</v>
      </c>
      <c r="BQ24" s="89">
        <v>40551649</v>
      </c>
      <c r="BR24" s="58">
        <v>773085203</v>
      </c>
      <c r="BS24" s="84" t="s">
        <v>146</v>
      </c>
      <c r="BT24" s="94">
        <v>18.440999999999999</v>
      </c>
      <c r="BU24" s="95">
        <v>802.58399999999995</v>
      </c>
      <c r="BV24" s="95">
        <v>187.75899999999999</v>
      </c>
      <c r="BW24" s="95">
        <v>1008.783</v>
      </c>
      <c r="BX24" s="61">
        <v>14.305999999999999</v>
      </c>
      <c r="BY24" s="61">
        <v>1.603</v>
      </c>
      <c r="BZ24" s="61">
        <v>1.9650000000000001</v>
      </c>
      <c r="CA24" s="61">
        <v>1.901</v>
      </c>
      <c r="CB24" s="124">
        <v>40388</v>
      </c>
      <c r="CC24" s="124">
        <v>13385</v>
      </c>
      <c r="CD24" s="124">
        <v>6672</v>
      </c>
      <c r="CE24" s="125">
        <v>15755</v>
      </c>
    </row>
    <row r="25" spans="2:84" s="37" customFormat="1" ht="15" customHeight="1" thickBot="1" x14ac:dyDescent="0.2">
      <c r="B25" s="97" t="s">
        <v>147</v>
      </c>
      <c r="C25" s="67">
        <v>453793</v>
      </c>
      <c r="D25" s="67">
        <v>6429721</v>
      </c>
      <c r="E25" s="67">
        <v>253468725</v>
      </c>
      <c r="F25" s="67">
        <v>19627000</v>
      </c>
      <c r="G25" s="67">
        <v>31181606</v>
      </c>
      <c r="H25" s="67">
        <v>270508268</v>
      </c>
      <c r="I25" s="67">
        <v>4609063</v>
      </c>
      <c r="J25" s="67">
        <v>8881754</v>
      </c>
      <c r="K25" s="67">
        <v>60391530</v>
      </c>
      <c r="L25" s="67">
        <v>24689856</v>
      </c>
      <c r="M25" s="67">
        <v>46493081</v>
      </c>
      <c r="N25" s="67">
        <v>584368522</v>
      </c>
      <c r="O25" s="68">
        <v>14016333</v>
      </c>
      <c r="P25" s="67">
        <v>17113569</v>
      </c>
      <c r="Q25" s="69">
        <v>169610673</v>
      </c>
      <c r="R25" s="97" t="s">
        <v>148</v>
      </c>
      <c r="S25" s="70">
        <v>428649</v>
      </c>
      <c r="T25" s="70">
        <v>16310058</v>
      </c>
      <c r="U25" s="71">
        <v>10962582</v>
      </c>
      <c r="V25" s="72">
        <v>44913</v>
      </c>
      <c r="W25" s="73">
        <v>282872</v>
      </c>
      <c r="X25" s="73">
        <v>3049873</v>
      </c>
      <c r="Y25" s="73">
        <v>38751102</v>
      </c>
      <c r="Z25" s="67">
        <v>767991650</v>
      </c>
      <c r="AA25" s="74">
        <v>7659</v>
      </c>
      <c r="AB25" s="67">
        <v>34512</v>
      </c>
      <c r="AC25" s="67">
        <v>594075</v>
      </c>
      <c r="AD25" s="120">
        <v>17885</v>
      </c>
      <c r="AE25" s="120">
        <v>650460</v>
      </c>
      <c r="AF25" s="120">
        <v>972178</v>
      </c>
      <c r="AG25" s="120">
        <v>7654844</v>
      </c>
      <c r="AH25" s="120">
        <v>64941</v>
      </c>
      <c r="AI25" s="121">
        <v>1969349</v>
      </c>
      <c r="AJ25" s="97" t="s">
        <v>148</v>
      </c>
      <c r="AK25" s="120">
        <v>45151</v>
      </c>
      <c r="AL25" s="120">
        <v>634275</v>
      </c>
      <c r="AM25" s="67">
        <v>96</v>
      </c>
      <c r="AN25" s="67">
        <v>1484</v>
      </c>
      <c r="AO25" s="67">
        <v>1134763</v>
      </c>
      <c r="AP25" s="67">
        <v>11504487</v>
      </c>
      <c r="AQ25" s="75">
        <v>60</v>
      </c>
      <c r="AR25" s="76">
        <v>5445</v>
      </c>
      <c r="AS25" s="77">
        <v>39893584</v>
      </c>
      <c r="AT25" s="69">
        <v>779501583</v>
      </c>
      <c r="AU25" s="77">
        <v>569381513</v>
      </c>
      <c r="AV25" s="67">
        <v>177932180</v>
      </c>
      <c r="AW25" s="120">
        <v>32187889</v>
      </c>
      <c r="AX25" s="68">
        <v>1282260</v>
      </c>
      <c r="AY25" s="67">
        <v>70420114</v>
      </c>
      <c r="AZ25" s="126">
        <v>2038</v>
      </c>
      <c r="BA25" s="121">
        <v>43330</v>
      </c>
      <c r="BB25" s="97" t="s">
        <v>148</v>
      </c>
      <c r="BC25" s="77">
        <v>11512</v>
      </c>
      <c r="BD25" s="67">
        <v>4622579</v>
      </c>
      <c r="BE25" s="78" t="s">
        <v>84</v>
      </c>
      <c r="BF25" s="78" t="s">
        <v>84</v>
      </c>
      <c r="BG25" s="67">
        <v>12757</v>
      </c>
      <c r="BH25" s="67">
        <v>652225</v>
      </c>
      <c r="BI25" s="123">
        <v>4117</v>
      </c>
      <c r="BJ25" s="123">
        <v>322889</v>
      </c>
      <c r="BK25" s="123">
        <v>25</v>
      </c>
      <c r="BL25" s="123">
        <v>3815</v>
      </c>
      <c r="BM25" s="70">
        <v>13099</v>
      </c>
      <c r="BN25" s="70">
        <v>411041</v>
      </c>
      <c r="BO25" s="77">
        <v>41510</v>
      </c>
      <c r="BP25" s="67">
        <v>6012550</v>
      </c>
      <c r="BQ25" s="74">
        <v>39935094</v>
      </c>
      <c r="BR25" s="69">
        <v>785514132</v>
      </c>
      <c r="BS25" s="97" t="s">
        <v>148</v>
      </c>
      <c r="BT25" s="79">
        <v>18.927</v>
      </c>
      <c r="BU25" s="80">
        <v>818.60400000000004</v>
      </c>
      <c r="BV25" s="80">
        <v>192.23500000000001</v>
      </c>
      <c r="BW25" s="80">
        <v>1029.7660000000001</v>
      </c>
      <c r="BX25" s="98">
        <v>14.169</v>
      </c>
      <c r="BY25" s="98">
        <v>1.589</v>
      </c>
      <c r="BZ25" s="98">
        <v>1.927</v>
      </c>
      <c r="CA25" s="98">
        <v>1.883</v>
      </c>
      <c r="CB25" s="127">
        <v>41126</v>
      </c>
      <c r="CC25" s="127">
        <v>14115</v>
      </c>
      <c r="CD25" s="127">
        <v>6800</v>
      </c>
      <c r="CE25" s="128">
        <v>16419</v>
      </c>
    </row>
    <row r="26" spans="2:84" s="11" customFormat="1" ht="15" customHeight="1" thickTop="1" thickBot="1" x14ac:dyDescent="0.2">
      <c r="B26" s="193" t="s">
        <v>149</v>
      </c>
      <c r="C26" s="194">
        <v>439524</v>
      </c>
      <c r="D26" s="194">
        <v>6222944</v>
      </c>
      <c r="E26" s="194">
        <v>246326675</v>
      </c>
      <c r="F26" s="194">
        <v>18845679</v>
      </c>
      <c r="G26" s="194">
        <v>29608514</v>
      </c>
      <c r="H26" s="194">
        <v>263420264</v>
      </c>
      <c r="I26" s="194">
        <v>4412159</v>
      </c>
      <c r="J26" s="194">
        <v>8347420</v>
      </c>
      <c r="K26" s="194">
        <v>57630944</v>
      </c>
      <c r="L26" s="194">
        <v>23697362</v>
      </c>
      <c r="M26" s="194">
        <v>44178878</v>
      </c>
      <c r="N26" s="194">
        <v>567377884</v>
      </c>
      <c r="O26" s="195">
        <v>13536425</v>
      </c>
      <c r="P26" s="194">
        <v>16605686</v>
      </c>
      <c r="Q26" s="196">
        <v>156458046</v>
      </c>
      <c r="R26" s="193" t="s">
        <v>150</v>
      </c>
      <c r="S26" s="197">
        <v>414849</v>
      </c>
      <c r="T26" s="197">
        <v>15819563</v>
      </c>
      <c r="U26" s="198">
        <v>10514972</v>
      </c>
      <c r="V26" s="199">
        <v>50674</v>
      </c>
      <c r="W26" s="200">
        <v>317681</v>
      </c>
      <c r="X26" s="200">
        <v>3421437</v>
      </c>
      <c r="Y26" s="200">
        <v>37284461</v>
      </c>
      <c r="Z26" s="194">
        <v>737772339</v>
      </c>
      <c r="AA26" s="201">
        <v>5058</v>
      </c>
      <c r="AB26" s="194">
        <v>34060</v>
      </c>
      <c r="AC26" s="194">
        <v>586185</v>
      </c>
      <c r="AD26" s="194">
        <v>17335</v>
      </c>
      <c r="AE26" s="194">
        <v>627782</v>
      </c>
      <c r="AF26" s="194">
        <v>890828</v>
      </c>
      <c r="AG26" s="194">
        <v>6836896</v>
      </c>
      <c r="AH26" s="194">
        <v>65101</v>
      </c>
      <c r="AI26" s="196">
        <v>1975280</v>
      </c>
      <c r="AJ26" s="193" t="s">
        <v>150</v>
      </c>
      <c r="AK26" s="194">
        <v>43922</v>
      </c>
      <c r="AL26" s="194">
        <v>605571</v>
      </c>
      <c r="AM26" s="194">
        <v>128</v>
      </c>
      <c r="AN26" s="194">
        <v>5164</v>
      </c>
      <c r="AO26" s="194">
        <v>1051374</v>
      </c>
      <c r="AP26" s="194">
        <v>10636879</v>
      </c>
      <c r="AQ26" s="202">
        <v>82</v>
      </c>
      <c r="AR26" s="203">
        <v>8104</v>
      </c>
      <c r="AS26" s="201">
        <v>38340975</v>
      </c>
      <c r="AT26" s="196">
        <v>748417322</v>
      </c>
      <c r="AU26" s="204">
        <v>545309916</v>
      </c>
      <c r="AV26" s="194">
        <v>174195047</v>
      </c>
      <c r="AW26" s="194">
        <v>28912359</v>
      </c>
      <c r="AX26" s="195">
        <v>1335831</v>
      </c>
      <c r="AY26" s="194">
        <v>71892443</v>
      </c>
      <c r="AZ26" s="201">
        <v>2210</v>
      </c>
      <c r="BA26" s="196">
        <v>51407</v>
      </c>
      <c r="BB26" s="193" t="s">
        <v>150</v>
      </c>
      <c r="BC26" s="204">
        <v>10398</v>
      </c>
      <c r="BD26" s="194">
        <v>4183866</v>
      </c>
      <c r="BE26" s="205" t="s">
        <v>84</v>
      </c>
      <c r="BF26" s="205" t="s">
        <v>84</v>
      </c>
      <c r="BG26" s="194">
        <v>12295</v>
      </c>
      <c r="BH26" s="194">
        <v>631680</v>
      </c>
      <c r="BI26" s="197">
        <v>3814</v>
      </c>
      <c r="BJ26" s="197">
        <v>289331</v>
      </c>
      <c r="BK26" s="197">
        <v>18</v>
      </c>
      <c r="BL26" s="197">
        <v>3397</v>
      </c>
      <c r="BM26" s="197">
        <v>11859</v>
      </c>
      <c r="BN26" s="197">
        <v>350125</v>
      </c>
      <c r="BO26" s="197">
        <v>38384</v>
      </c>
      <c r="BP26" s="194">
        <v>5458399</v>
      </c>
      <c r="BQ26" s="201">
        <v>38379359</v>
      </c>
      <c r="BR26" s="196">
        <v>753875721</v>
      </c>
      <c r="BS26" s="193" t="s">
        <v>150</v>
      </c>
      <c r="BT26" s="206">
        <v>19.251999999999999</v>
      </c>
      <c r="BU26" s="207">
        <v>825.49199999999996</v>
      </c>
      <c r="BV26" s="207">
        <v>193.26499999999999</v>
      </c>
      <c r="BW26" s="207">
        <v>1038.009</v>
      </c>
      <c r="BX26" s="208">
        <v>14.157999999999999</v>
      </c>
      <c r="BY26" s="209">
        <v>1.571</v>
      </c>
      <c r="BZ26" s="209">
        <v>1.8919999999999999</v>
      </c>
      <c r="CA26" s="209">
        <v>1.8640000000000001</v>
      </c>
      <c r="CB26" s="210">
        <v>41273</v>
      </c>
      <c r="CC26" s="194">
        <v>14181</v>
      </c>
      <c r="CD26" s="194">
        <v>6904</v>
      </c>
      <c r="CE26" s="196">
        <v>16580</v>
      </c>
    </row>
    <row r="27" spans="2:84" s="139" customFormat="1" ht="12" customHeight="1" thickBot="1" x14ac:dyDescent="0.2">
      <c r="B27" s="129" t="s">
        <v>151</v>
      </c>
      <c r="C27" s="130"/>
      <c r="D27" s="130"/>
      <c r="E27" s="130"/>
      <c r="F27" s="130"/>
      <c r="G27" s="130"/>
      <c r="H27" s="130"/>
      <c r="I27" s="130"/>
      <c r="J27" s="130"/>
      <c r="K27" s="130"/>
      <c r="L27" s="130"/>
      <c r="M27" s="130"/>
      <c r="N27" s="130"/>
      <c r="O27" s="130"/>
      <c r="P27" s="130"/>
      <c r="Q27" s="131"/>
      <c r="R27" s="129" t="s">
        <v>151</v>
      </c>
      <c r="S27" s="130"/>
      <c r="T27" s="130"/>
      <c r="U27" s="132"/>
      <c r="V27" s="132"/>
      <c r="W27" s="132"/>
      <c r="X27" s="132"/>
      <c r="Y27" s="132"/>
      <c r="Z27" s="130"/>
      <c r="AA27" s="130"/>
      <c r="AB27" s="130"/>
      <c r="AC27" s="130"/>
      <c r="AD27" s="130"/>
      <c r="AE27" s="130"/>
      <c r="AF27" s="130"/>
      <c r="AG27" s="130"/>
      <c r="AH27" s="130"/>
      <c r="AI27" s="131"/>
      <c r="AJ27" s="129" t="s">
        <v>151</v>
      </c>
      <c r="AK27" s="130"/>
      <c r="AL27" s="130"/>
      <c r="AM27" s="130"/>
      <c r="AN27" s="130"/>
      <c r="AO27" s="130"/>
      <c r="AP27" s="130"/>
      <c r="AQ27" s="133"/>
      <c r="AR27" s="134"/>
      <c r="AS27" s="130"/>
      <c r="AT27" s="130"/>
      <c r="AU27" s="130"/>
      <c r="AV27" s="130"/>
      <c r="AW27" s="130"/>
      <c r="AX27" s="130"/>
      <c r="AY27" s="130"/>
      <c r="AZ27" s="130"/>
      <c r="BA27" s="131"/>
      <c r="BB27" s="129" t="s">
        <v>151</v>
      </c>
      <c r="BC27" s="130"/>
      <c r="BD27" s="130"/>
      <c r="BE27" s="135"/>
      <c r="BF27" s="135"/>
      <c r="BG27" s="130"/>
      <c r="BH27" s="130"/>
      <c r="BI27" s="130"/>
      <c r="BJ27" s="130"/>
      <c r="BK27" s="130"/>
      <c r="BL27" s="130"/>
      <c r="BM27" s="130"/>
      <c r="BN27" s="130"/>
      <c r="BO27" s="130"/>
      <c r="BP27" s="130"/>
      <c r="BQ27" s="130"/>
      <c r="BR27" s="131"/>
      <c r="BS27" s="129" t="s">
        <v>151</v>
      </c>
      <c r="BT27" s="136"/>
      <c r="BU27" s="136"/>
      <c r="BV27" s="136"/>
      <c r="BW27" s="136"/>
      <c r="BX27" s="137"/>
      <c r="BY27" s="137"/>
      <c r="BZ27" s="137"/>
      <c r="CA27" s="137"/>
      <c r="CB27" s="138"/>
      <c r="CC27" s="130"/>
      <c r="CD27" s="130"/>
      <c r="CE27" s="130"/>
    </row>
    <row r="28" spans="2:84" s="147" customFormat="1" ht="12" hidden="1" customHeight="1" thickTop="1" thickBot="1" x14ac:dyDescent="0.2">
      <c r="B28" s="140" t="s">
        <v>152</v>
      </c>
      <c r="C28" s="141">
        <v>439524</v>
      </c>
      <c r="D28" s="141">
        <v>6222944</v>
      </c>
      <c r="E28" s="141">
        <v>246326677</v>
      </c>
      <c r="F28" s="77">
        <v>18845679</v>
      </c>
      <c r="G28" s="141">
        <v>29608514</v>
      </c>
      <c r="H28" s="141">
        <v>263420266</v>
      </c>
      <c r="I28" s="141">
        <v>4412159</v>
      </c>
      <c r="J28" s="141">
        <v>8347420</v>
      </c>
      <c r="K28" s="141">
        <v>57630946</v>
      </c>
      <c r="L28" s="141">
        <v>23697362</v>
      </c>
      <c r="M28" s="141">
        <v>44178878</v>
      </c>
      <c r="N28" s="141">
        <v>567377889</v>
      </c>
      <c r="O28" s="142">
        <v>13536425</v>
      </c>
      <c r="P28" s="141">
        <v>16605686</v>
      </c>
      <c r="Q28" s="143">
        <v>156458046</v>
      </c>
      <c r="R28" s="140" t="s">
        <v>152</v>
      </c>
      <c r="S28" s="141">
        <v>414849</v>
      </c>
      <c r="T28" s="141">
        <v>15819563</v>
      </c>
      <c r="U28" s="141">
        <v>10514969</v>
      </c>
      <c r="V28" s="141">
        <v>50674</v>
      </c>
      <c r="W28" s="141">
        <v>317681</v>
      </c>
      <c r="X28" s="141">
        <v>3421442</v>
      </c>
      <c r="Y28" s="144">
        <v>37284461</v>
      </c>
      <c r="Z28" s="141">
        <v>737772346</v>
      </c>
      <c r="AA28" s="141">
        <v>5058</v>
      </c>
      <c r="AB28" s="141">
        <v>34060</v>
      </c>
      <c r="AC28" s="141">
        <v>586182</v>
      </c>
      <c r="AD28" s="141">
        <v>17335</v>
      </c>
      <c r="AE28" s="141">
        <v>627783</v>
      </c>
      <c r="AF28" s="141">
        <v>890828</v>
      </c>
      <c r="AG28" s="141">
        <v>6836897</v>
      </c>
      <c r="AH28" s="141">
        <v>65101</v>
      </c>
      <c r="AI28" s="143">
        <v>1975282</v>
      </c>
      <c r="AJ28" s="140" t="s">
        <v>152</v>
      </c>
      <c r="AK28" s="141">
        <v>43922</v>
      </c>
      <c r="AL28" s="141">
        <v>605571</v>
      </c>
      <c r="AM28" s="141">
        <v>128</v>
      </c>
      <c r="AN28" s="141">
        <v>5165</v>
      </c>
      <c r="AO28" s="141">
        <v>1051374</v>
      </c>
      <c r="AP28" s="141">
        <v>10636880</v>
      </c>
      <c r="AQ28" s="141">
        <v>82</v>
      </c>
      <c r="AR28" s="143">
        <v>8106</v>
      </c>
      <c r="AS28" s="141">
        <v>38340975</v>
      </c>
      <c r="AT28" s="141">
        <v>748417332</v>
      </c>
      <c r="AU28" s="141">
        <v>545309913</v>
      </c>
      <c r="AV28" s="141">
        <v>174195047</v>
      </c>
      <c r="AW28" s="141">
        <v>28912362</v>
      </c>
      <c r="AX28" s="141">
        <v>1335831</v>
      </c>
      <c r="AY28" s="143">
        <v>71892442</v>
      </c>
      <c r="AZ28" s="141">
        <v>2210</v>
      </c>
      <c r="BA28" s="141">
        <v>51406</v>
      </c>
      <c r="BB28" s="140" t="s">
        <v>152</v>
      </c>
      <c r="BC28" s="145">
        <v>10398</v>
      </c>
      <c r="BD28" s="141">
        <v>4183865</v>
      </c>
      <c r="BE28" s="141">
        <v>0</v>
      </c>
      <c r="BF28" s="141">
        <v>0</v>
      </c>
      <c r="BG28" s="141">
        <v>12295</v>
      </c>
      <c r="BH28" s="141">
        <v>631680</v>
      </c>
      <c r="BI28" s="141">
        <v>3814</v>
      </c>
      <c r="BJ28" s="141">
        <v>289333</v>
      </c>
      <c r="BK28" s="141">
        <v>18</v>
      </c>
      <c r="BL28" s="141">
        <v>3397</v>
      </c>
      <c r="BM28" s="141">
        <v>11859</v>
      </c>
      <c r="BN28" s="146">
        <v>350126</v>
      </c>
      <c r="BO28" s="141">
        <v>38384</v>
      </c>
      <c r="BP28" s="141">
        <v>5458401</v>
      </c>
      <c r="BQ28" s="141">
        <v>38379359</v>
      </c>
      <c r="BR28" s="141">
        <v>753875733</v>
      </c>
      <c r="BS28" s="140" t="s">
        <v>152</v>
      </c>
      <c r="BT28" s="141"/>
      <c r="BU28" s="141"/>
      <c r="BV28" s="141"/>
      <c r="BW28" s="141"/>
      <c r="BX28" s="141"/>
      <c r="BY28" s="141"/>
      <c r="BZ28" s="141"/>
      <c r="CA28" s="141"/>
      <c r="CB28" s="141"/>
      <c r="CC28" s="141"/>
      <c r="CD28" s="141"/>
      <c r="CE28" s="143"/>
    </row>
    <row r="29" spans="2:84" s="11" customFormat="1" ht="15" customHeight="1" thickTop="1" thickBot="1" x14ac:dyDescent="0.2">
      <c r="B29" s="211" t="s">
        <v>153</v>
      </c>
      <c r="C29" s="212">
        <v>423797</v>
      </c>
      <c r="D29" s="212">
        <v>6070570</v>
      </c>
      <c r="E29" s="212">
        <v>237999061</v>
      </c>
      <c r="F29" s="212">
        <v>17946325</v>
      </c>
      <c r="G29" s="212">
        <v>28301425</v>
      </c>
      <c r="H29" s="213">
        <v>252859713</v>
      </c>
      <c r="I29" s="212">
        <v>4193315</v>
      </c>
      <c r="J29" s="212">
        <v>7947272</v>
      </c>
      <c r="K29" s="212">
        <v>54830562</v>
      </c>
      <c r="L29" s="212">
        <v>22563437</v>
      </c>
      <c r="M29" s="212">
        <v>42319267</v>
      </c>
      <c r="N29" s="212">
        <v>545689336</v>
      </c>
      <c r="O29" s="214">
        <v>12913021</v>
      </c>
      <c r="P29" s="212">
        <v>15854012</v>
      </c>
      <c r="Q29" s="215">
        <v>150217541</v>
      </c>
      <c r="R29" s="211" t="s">
        <v>153</v>
      </c>
      <c r="S29" s="216">
        <v>400598</v>
      </c>
      <c r="T29" s="212">
        <v>15470364</v>
      </c>
      <c r="U29" s="213">
        <v>10282930</v>
      </c>
      <c r="V29" s="216">
        <v>49619</v>
      </c>
      <c r="W29" s="212">
        <v>312002</v>
      </c>
      <c r="X29" s="212">
        <v>3357154</v>
      </c>
      <c r="Y29" s="212">
        <v>35526077</v>
      </c>
      <c r="Z29" s="212">
        <v>709546961</v>
      </c>
      <c r="AA29" s="217">
        <v>4945</v>
      </c>
      <c r="AB29" s="212">
        <v>33181</v>
      </c>
      <c r="AC29" s="212">
        <v>574949</v>
      </c>
      <c r="AD29" s="212">
        <v>16482</v>
      </c>
      <c r="AE29" s="212">
        <v>594351</v>
      </c>
      <c r="AF29" s="212">
        <v>831512</v>
      </c>
      <c r="AG29" s="212">
        <v>6432668</v>
      </c>
      <c r="AH29" s="212">
        <v>63984</v>
      </c>
      <c r="AI29" s="215">
        <v>1940689</v>
      </c>
      <c r="AJ29" s="211" t="s">
        <v>153</v>
      </c>
      <c r="AK29" s="212">
        <v>42572</v>
      </c>
      <c r="AL29" s="212">
        <v>589553</v>
      </c>
      <c r="AM29" s="212">
        <v>126</v>
      </c>
      <c r="AN29" s="212">
        <v>5160</v>
      </c>
      <c r="AO29" s="212">
        <v>987857</v>
      </c>
      <c r="AP29" s="212">
        <v>10137370</v>
      </c>
      <c r="AQ29" s="212">
        <v>81</v>
      </c>
      <c r="AR29" s="215">
        <v>8056</v>
      </c>
      <c r="AS29" s="212">
        <v>36518960</v>
      </c>
      <c r="AT29" s="215">
        <v>719692387</v>
      </c>
      <c r="AU29" s="33">
        <v>524745096</v>
      </c>
      <c r="AV29" s="218">
        <v>167053057</v>
      </c>
      <c r="AW29" s="212">
        <v>27894231</v>
      </c>
      <c r="AX29" s="214">
        <v>1310869</v>
      </c>
      <c r="AY29" s="215">
        <v>69797393</v>
      </c>
      <c r="AZ29" s="216">
        <v>2208</v>
      </c>
      <c r="BA29" s="215">
        <v>51301</v>
      </c>
      <c r="BB29" s="211" t="s">
        <v>153</v>
      </c>
      <c r="BC29" s="216">
        <v>9031</v>
      </c>
      <c r="BD29" s="212">
        <v>3614932</v>
      </c>
      <c r="BE29" s="219" t="s">
        <v>84</v>
      </c>
      <c r="BF29" s="219" t="s">
        <v>84</v>
      </c>
      <c r="BG29" s="212">
        <v>11988</v>
      </c>
      <c r="BH29" s="212">
        <v>599960</v>
      </c>
      <c r="BI29" s="212">
        <v>0</v>
      </c>
      <c r="BJ29" s="212">
        <v>0</v>
      </c>
      <c r="BK29" s="212">
        <v>0</v>
      </c>
      <c r="BL29" s="212">
        <v>0</v>
      </c>
      <c r="BM29" s="212">
        <v>12</v>
      </c>
      <c r="BN29" s="213">
        <v>7500</v>
      </c>
      <c r="BO29" s="216">
        <v>21031</v>
      </c>
      <c r="BP29" s="212">
        <v>4222392</v>
      </c>
      <c r="BQ29" s="220">
        <v>36539991</v>
      </c>
      <c r="BR29" s="215">
        <v>723914779</v>
      </c>
      <c r="BS29" s="211" t="s">
        <v>153</v>
      </c>
      <c r="BT29" s="221">
        <v>20.655999999999999</v>
      </c>
      <c r="BU29" s="222">
        <v>874.69100000000003</v>
      </c>
      <c r="BV29" s="222">
        <v>204.37899999999999</v>
      </c>
      <c r="BW29" s="222">
        <v>1099.7260000000001</v>
      </c>
      <c r="BX29" s="223">
        <v>14.32</v>
      </c>
      <c r="BY29" s="223">
        <v>1.58</v>
      </c>
      <c r="BZ29" s="223">
        <v>1.9</v>
      </c>
      <c r="CA29" s="223">
        <v>1.88</v>
      </c>
      <c r="CB29" s="212">
        <v>40899</v>
      </c>
      <c r="CC29" s="212">
        <v>14242</v>
      </c>
      <c r="CD29" s="212">
        <v>6899</v>
      </c>
      <c r="CE29" s="215">
        <v>16644</v>
      </c>
    </row>
    <row r="30" spans="2:84" s="11" customFormat="1" ht="15" customHeight="1" thickTop="1" x14ac:dyDescent="0.15">
      <c r="B30" s="148" t="s">
        <v>154</v>
      </c>
      <c r="C30" s="149">
        <v>37088</v>
      </c>
      <c r="D30" s="149">
        <v>527800</v>
      </c>
      <c r="E30" s="149">
        <v>21007753</v>
      </c>
      <c r="F30" s="149">
        <v>1625259</v>
      </c>
      <c r="G30" s="149">
        <v>2602397</v>
      </c>
      <c r="H30" s="150">
        <v>23208720</v>
      </c>
      <c r="I30" s="149">
        <v>369092</v>
      </c>
      <c r="J30" s="149">
        <v>722225</v>
      </c>
      <c r="K30" s="149">
        <v>4947433</v>
      </c>
      <c r="L30" s="149">
        <v>2031439</v>
      </c>
      <c r="M30" s="149">
        <v>3852422</v>
      </c>
      <c r="N30" s="149">
        <v>49163906</v>
      </c>
      <c r="O30" s="151">
        <v>1173328</v>
      </c>
      <c r="P30" s="149">
        <v>1445665</v>
      </c>
      <c r="Q30" s="152">
        <v>15358212</v>
      </c>
      <c r="R30" s="148" t="s">
        <v>155</v>
      </c>
      <c r="S30" s="153">
        <v>35097</v>
      </c>
      <c r="T30" s="154">
        <v>1346980</v>
      </c>
      <c r="U30" s="155">
        <v>906591</v>
      </c>
      <c r="V30" s="153">
        <v>3853</v>
      </c>
      <c r="W30" s="154">
        <v>25219</v>
      </c>
      <c r="X30" s="154">
        <v>269391</v>
      </c>
      <c r="Y30" s="149">
        <v>3208620</v>
      </c>
      <c r="Z30" s="149">
        <v>65698100</v>
      </c>
      <c r="AA30" s="156">
        <v>373</v>
      </c>
      <c r="AB30" s="149">
        <v>2800</v>
      </c>
      <c r="AC30" s="149">
        <v>46248</v>
      </c>
      <c r="AD30" s="149">
        <v>1322</v>
      </c>
      <c r="AE30" s="149">
        <v>47756</v>
      </c>
      <c r="AF30" s="149">
        <v>69548</v>
      </c>
      <c r="AG30" s="149">
        <v>534069</v>
      </c>
      <c r="AH30" s="149">
        <v>5192</v>
      </c>
      <c r="AI30" s="152">
        <v>153501</v>
      </c>
      <c r="AJ30" s="148" t="s">
        <v>156</v>
      </c>
      <c r="AK30" s="149">
        <v>3717</v>
      </c>
      <c r="AL30" s="149">
        <v>48040</v>
      </c>
      <c r="AM30" s="149">
        <v>-1</v>
      </c>
      <c r="AN30" s="149">
        <v>-35</v>
      </c>
      <c r="AO30" s="149">
        <v>82578</v>
      </c>
      <c r="AP30" s="149">
        <v>829579</v>
      </c>
      <c r="AQ30" s="149">
        <v>2</v>
      </c>
      <c r="AR30" s="152">
        <v>79</v>
      </c>
      <c r="AS30" s="149">
        <v>3291573</v>
      </c>
      <c r="AT30" s="152">
        <v>66527758</v>
      </c>
      <c r="AU30" s="157">
        <v>48583031</v>
      </c>
      <c r="AV30" s="149">
        <v>15158542</v>
      </c>
      <c r="AW30" s="149">
        <v>2786186</v>
      </c>
      <c r="AX30" s="151">
        <v>99792</v>
      </c>
      <c r="AY30" s="152">
        <v>5879788</v>
      </c>
      <c r="AZ30" s="157">
        <v>292</v>
      </c>
      <c r="BA30" s="152">
        <v>7851</v>
      </c>
      <c r="BB30" s="148" t="s">
        <v>157</v>
      </c>
      <c r="BC30" s="157">
        <v>658</v>
      </c>
      <c r="BD30" s="149">
        <v>265686</v>
      </c>
      <c r="BE30" s="158" t="s">
        <v>84</v>
      </c>
      <c r="BF30" s="158" t="s">
        <v>84</v>
      </c>
      <c r="BG30" s="149">
        <v>873</v>
      </c>
      <c r="BH30" s="149">
        <v>43590</v>
      </c>
      <c r="BI30" s="149">
        <v>0</v>
      </c>
      <c r="BJ30" s="149">
        <v>0</v>
      </c>
      <c r="BK30" s="149">
        <v>0</v>
      </c>
      <c r="BL30" s="149">
        <v>0</v>
      </c>
      <c r="BM30" s="149">
        <v>1</v>
      </c>
      <c r="BN30" s="150">
        <v>800</v>
      </c>
      <c r="BO30" s="157">
        <v>1532</v>
      </c>
      <c r="BP30" s="149">
        <v>310076</v>
      </c>
      <c r="BQ30" s="156">
        <v>3293105</v>
      </c>
      <c r="BR30" s="152">
        <v>66837834</v>
      </c>
      <c r="BS30" s="148" t="s">
        <v>158</v>
      </c>
      <c r="BT30" s="159">
        <v>1.698</v>
      </c>
      <c r="BU30" s="160">
        <v>74.409000000000006</v>
      </c>
      <c r="BV30" s="160">
        <v>16.898</v>
      </c>
      <c r="BW30" s="160">
        <v>93.004999999999995</v>
      </c>
      <c r="BX30" s="161">
        <v>14.23</v>
      </c>
      <c r="BY30" s="161">
        <v>1.6</v>
      </c>
      <c r="BZ30" s="161">
        <v>1.96</v>
      </c>
      <c r="CA30" s="161">
        <v>1.9</v>
      </c>
      <c r="CB30" s="162">
        <v>41520</v>
      </c>
      <c r="CC30" s="149">
        <v>14820</v>
      </c>
      <c r="CD30" s="149">
        <v>6850</v>
      </c>
      <c r="CE30" s="152">
        <v>16943</v>
      </c>
    </row>
    <row r="31" spans="2:84" s="11" customFormat="1" ht="15" customHeight="1" x14ac:dyDescent="0.15">
      <c r="B31" s="148" t="s">
        <v>159</v>
      </c>
      <c r="C31" s="149">
        <v>35259</v>
      </c>
      <c r="D31" s="149">
        <v>502495</v>
      </c>
      <c r="E31" s="149">
        <v>19704275</v>
      </c>
      <c r="F31" s="149">
        <v>1545484</v>
      </c>
      <c r="G31" s="149">
        <v>2470418</v>
      </c>
      <c r="H31" s="150">
        <v>21678145</v>
      </c>
      <c r="I31" s="149">
        <v>363793</v>
      </c>
      <c r="J31" s="149">
        <v>707025</v>
      </c>
      <c r="K31" s="149">
        <v>4860341</v>
      </c>
      <c r="L31" s="149">
        <v>1944536</v>
      </c>
      <c r="M31" s="149">
        <v>3679938</v>
      </c>
      <c r="N31" s="149">
        <v>46242761</v>
      </c>
      <c r="O31" s="151">
        <v>1113220</v>
      </c>
      <c r="P31" s="149">
        <v>1573019</v>
      </c>
      <c r="Q31" s="152">
        <v>13113543</v>
      </c>
      <c r="R31" s="148" t="s">
        <v>160</v>
      </c>
      <c r="S31" s="153">
        <v>33447</v>
      </c>
      <c r="T31" s="154">
        <v>1284662</v>
      </c>
      <c r="U31" s="155">
        <v>855040</v>
      </c>
      <c r="V31" s="153">
        <v>3794</v>
      </c>
      <c r="W31" s="154">
        <v>23771</v>
      </c>
      <c r="X31" s="154">
        <v>255900</v>
      </c>
      <c r="Y31" s="149">
        <v>3061550</v>
      </c>
      <c r="Z31" s="149">
        <v>60467244</v>
      </c>
      <c r="AA31" s="156">
        <v>400</v>
      </c>
      <c r="AB31" s="149">
        <v>2713</v>
      </c>
      <c r="AC31" s="149">
        <v>57908</v>
      </c>
      <c r="AD31" s="149">
        <v>1390</v>
      </c>
      <c r="AE31" s="149">
        <v>50585</v>
      </c>
      <c r="AF31" s="149">
        <v>69813</v>
      </c>
      <c r="AG31" s="149">
        <v>547089</v>
      </c>
      <c r="AH31" s="149">
        <v>5346</v>
      </c>
      <c r="AI31" s="152">
        <v>163112</v>
      </c>
      <c r="AJ31" s="148" t="s">
        <v>161</v>
      </c>
      <c r="AK31" s="149">
        <v>3503</v>
      </c>
      <c r="AL31" s="149">
        <v>49095</v>
      </c>
      <c r="AM31" s="149">
        <v>1</v>
      </c>
      <c r="AN31" s="149">
        <v>548</v>
      </c>
      <c r="AO31" s="149">
        <v>82766</v>
      </c>
      <c r="AP31" s="149">
        <v>868337</v>
      </c>
      <c r="AQ31" s="149">
        <v>6</v>
      </c>
      <c r="AR31" s="152">
        <v>216</v>
      </c>
      <c r="AS31" s="149">
        <v>3144722</v>
      </c>
      <c r="AT31" s="152">
        <v>61335797</v>
      </c>
      <c r="AU31" s="157">
        <v>44717368</v>
      </c>
      <c r="AV31" s="149">
        <v>14082236</v>
      </c>
      <c r="AW31" s="149">
        <v>2536195</v>
      </c>
      <c r="AX31" s="151">
        <v>98863</v>
      </c>
      <c r="AY31" s="152">
        <v>6173109</v>
      </c>
      <c r="AZ31" s="157">
        <v>484</v>
      </c>
      <c r="BA31" s="152">
        <v>12557</v>
      </c>
      <c r="BB31" s="148" t="s">
        <v>161</v>
      </c>
      <c r="BC31" s="157">
        <v>760</v>
      </c>
      <c r="BD31" s="149">
        <v>305487</v>
      </c>
      <c r="BE31" s="158" t="s">
        <v>84</v>
      </c>
      <c r="BF31" s="158" t="s">
        <v>84</v>
      </c>
      <c r="BG31" s="149">
        <v>1005</v>
      </c>
      <c r="BH31" s="149">
        <v>50250</v>
      </c>
      <c r="BI31" s="149">
        <v>0</v>
      </c>
      <c r="BJ31" s="149">
        <v>0</v>
      </c>
      <c r="BK31" s="149">
        <v>0</v>
      </c>
      <c r="BL31" s="149">
        <v>0</v>
      </c>
      <c r="BM31" s="149">
        <v>1</v>
      </c>
      <c r="BN31" s="150">
        <v>600</v>
      </c>
      <c r="BO31" s="157">
        <v>1766</v>
      </c>
      <c r="BP31" s="149">
        <v>356337</v>
      </c>
      <c r="BQ31" s="156">
        <v>3146488</v>
      </c>
      <c r="BR31" s="152">
        <v>61692134</v>
      </c>
      <c r="BS31" s="148" t="s">
        <v>159</v>
      </c>
      <c r="BT31" s="159">
        <v>1.6</v>
      </c>
      <c r="BU31" s="160">
        <v>70.144999999999996</v>
      </c>
      <c r="BV31" s="160">
        <v>16.510999999999999</v>
      </c>
      <c r="BW31" s="160">
        <v>88.257000000000005</v>
      </c>
      <c r="BX31" s="161">
        <v>14.25</v>
      </c>
      <c r="BY31" s="161">
        <v>1.6</v>
      </c>
      <c r="BZ31" s="161">
        <v>1.94</v>
      </c>
      <c r="CA31" s="161">
        <v>1.89</v>
      </c>
      <c r="CB31" s="162">
        <v>40914</v>
      </c>
      <c r="CC31" s="149">
        <v>14083</v>
      </c>
      <c r="CD31" s="149">
        <v>6874</v>
      </c>
      <c r="CE31" s="152">
        <v>16326</v>
      </c>
    </row>
    <row r="32" spans="2:84" s="11" customFormat="1" ht="15" customHeight="1" x14ac:dyDescent="0.15">
      <c r="B32" s="148" t="s">
        <v>162</v>
      </c>
      <c r="C32" s="149">
        <v>34926</v>
      </c>
      <c r="D32" s="149">
        <v>513481</v>
      </c>
      <c r="E32" s="149">
        <v>19478084</v>
      </c>
      <c r="F32" s="149">
        <v>1491381</v>
      </c>
      <c r="G32" s="149">
        <v>2336449</v>
      </c>
      <c r="H32" s="150">
        <v>20838859</v>
      </c>
      <c r="I32" s="149">
        <v>356590</v>
      </c>
      <c r="J32" s="149">
        <v>674632</v>
      </c>
      <c r="K32" s="149">
        <v>4635207</v>
      </c>
      <c r="L32" s="149">
        <v>1882897</v>
      </c>
      <c r="M32" s="149">
        <v>3524562</v>
      </c>
      <c r="N32" s="149">
        <v>44952150</v>
      </c>
      <c r="O32" s="151">
        <v>1065810</v>
      </c>
      <c r="P32" s="149">
        <v>1274023</v>
      </c>
      <c r="Q32" s="152">
        <v>11933255</v>
      </c>
      <c r="R32" s="148" t="s">
        <v>162</v>
      </c>
      <c r="S32" s="153">
        <v>33080</v>
      </c>
      <c r="T32" s="154">
        <v>1312753</v>
      </c>
      <c r="U32" s="155">
        <v>870915</v>
      </c>
      <c r="V32" s="153">
        <v>4139</v>
      </c>
      <c r="W32" s="154">
        <v>26343</v>
      </c>
      <c r="X32" s="154">
        <v>284267</v>
      </c>
      <c r="Y32" s="149">
        <v>2952846</v>
      </c>
      <c r="Z32" s="149">
        <v>58040587</v>
      </c>
      <c r="AA32" s="156">
        <v>349</v>
      </c>
      <c r="AB32" s="149">
        <v>2293</v>
      </c>
      <c r="AC32" s="149">
        <v>36356</v>
      </c>
      <c r="AD32" s="149">
        <v>1342</v>
      </c>
      <c r="AE32" s="149">
        <v>46735</v>
      </c>
      <c r="AF32" s="149">
        <v>70673</v>
      </c>
      <c r="AG32" s="149">
        <v>559041</v>
      </c>
      <c r="AH32" s="149">
        <v>5084</v>
      </c>
      <c r="AI32" s="152">
        <v>158012</v>
      </c>
      <c r="AJ32" s="148" t="s">
        <v>163</v>
      </c>
      <c r="AK32" s="149">
        <v>3503</v>
      </c>
      <c r="AL32" s="149">
        <v>49190</v>
      </c>
      <c r="AM32" s="149">
        <v>0</v>
      </c>
      <c r="AN32" s="149">
        <v>0</v>
      </c>
      <c r="AO32" s="149">
        <v>82895</v>
      </c>
      <c r="AP32" s="149">
        <v>849334</v>
      </c>
      <c r="AQ32" s="149">
        <v>9</v>
      </c>
      <c r="AR32" s="152">
        <v>206</v>
      </c>
      <c r="AS32" s="149">
        <v>3036099</v>
      </c>
      <c r="AT32" s="152">
        <v>58890127</v>
      </c>
      <c r="AU32" s="157">
        <v>42921743</v>
      </c>
      <c r="AV32" s="149">
        <v>13551492</v>
      </c>
      <c r="AW32" s="149">
        <v>2416892</v>
      </c>
      <c r="AX32" s="151">
        <v>101991</v>
      </c>
      <c r="AY32" s="152">
        <v>5676576</v>
      </c>
      <c r="AZ32" s="157">
        <v>200</v>
      </c>
      <c r="BA32" s="152">
        <v>4454</v>
      </c>
      <c r="BB32" s="148" t="s">
        <v>164</v>
      </c>
      <c r="BC32" s="157">
        <v>771</v>
      </c>
      <c r="BD32" s="149">
        <v>304405</v>
      </c>
      <c r="BE32" s="158" t="s">
        <v>84</v>
      </c>
      <c r="BF32" s="158" t="s">
        <v>84</v>
      </c>
      <c r="BG32" s="149">
        <v>995</v>
      </c>
      <c r="BH32" s="149">
        <v>49770</v>
      </c>
      <c r="BI32" s="149">
        <v>0</v>
      </c>
      <c r="BJ32" s="149">
        <v>0</v>
      </c>
      <c r="BK32" s="149">
        <v>0</v>
      </c>
      <c r="BL32" s="149">
        <v>0</v>
      </c>
      <c r="BM32" s="149">
        <v>2</v>
      </c>
      <c r="BN32" s="150">
        <v>1600</v>
      </c>
      <c r="BO32" s="157">
        <v>1768</v>
      </c>
      <c r="BP32" s="149">
        <v>355775</v>
      </c>
      <c r="BQ32" s="156">
        <v>3037867</v>
      </c>
      <c r="BR32" s="152">
        <v>59245902</v>
      </c>
      <c r="BS32" s="148" t="s">
        <v>163</v>
      </c>
      <c r="BT32" s="159">
        <v>1.593</v>
      </c>
      <c r="BU32" s="160">
        <v>68.019000000000005</v>
      </c>
      <c r="BV32" s="160">
        <v>16.263000000000002</v>
      </c>
      <c r="BW32" s="160">
        <v>85.876000000000005</v>
      </c>
      <c r="BX32" s="161">
        <v>14.7</v>
      </c>
      <c r="BY32" s="161">
        <v>1.57</v>
      </c>
      <c r="BZ32" s="161">
        <v>1.89</v>
      </c>
      <c r="CA32" s="161">
        <v>1.87</v>
      </c>
      <c r="CB32" s="162">
        <v>39630</v>
      </c>
      <c r="CC32" s="149">
        <v>14026</v>
      </c>
      <c r="CD32" s="149">
        <v>6871</v>
      </c>
      <c r="CE32" s="152">
        <v>16345</v>
      </c>
    </row>
    <row r="33" spans="2:83" s="11" customFormat="1" ht="15" customHeight="1" x14ac:dyDescent="0.15">
      <c r="B33" s="148" t="s">
        <v>165</v>
      </c>
      <c r="C33" s="149">
        <v>36990</v>
      </c>
      <c r="D33" s="149">
        <v>509252</v>
      </c>
      <c r="E33" s="149">
        <v>20644495</v>
      </c>
      <c r="F33" s="149">
        <v>1522907</v>
      </c>
      <c r="G33" s="149">
        <v>2446869</v>
      </c>
      <c r="H33" s="150">
        <v>21665343</v>
      </c>
      <c r="I33" s="149">
        <v>367795</v>
      </c>
      <c r="J33" s="149">
        <v>711879</v>
      </c>
      <c r="K33" s="149">
        <v>4910885</v>
      </c>
      <c r="L33" s="149">
        <v>1927692</v>
      </c>
      <c r="M33" s="149">
        <v>3668000</v>
      </c>
      <c r="N33" s="149">
        <v>47220723</v>
      </c>
      <c r="O33" s="151">
        <v>1081083</v>
      </c>
      <c r="P33" s="149">
        <v>1305866</v>
      </c>
      <c r="Q33" s="152">
        <v>12398035</v>
      </c>
      <c r="R33" s="148" t="s">
        <v>166</v>
      </c>
      <c r="S33" s="153">
        <v>35030</v>
      </c>
      <c r="T33" s="154">
        <v>1296563</v>
      </c>
      <c r="U33" s="155">
        <v>860788</v>
      </c>
      <c r="V33" s="153">
        <v>4007</v>
      </c>
      <c r="W33" s="154">
        <v>26588</v>
      </c>
      <c r="X33" s="154">
        <v>284608</v>
      </c>
      <c r="Y33" s="149">
        <v>3012782</v>
      </c>
      <c r="Z33" s="149">
        <v>60764154</v>
      </c>
      <c r="AA33" s="156">
        <v>455</v>
      </c>
      <c r="AB33" s="149">
        <v>2385</v>
      </c>
      <c r="AC33" s="149">
        <v>31761</v>
      </c>
      <c r="AD33" s="149">
        <v>1470</v>
      </c>
      <c r="AE33" s="149">
        <v>53938</v>
      </c>
      <c r="AF33" s="149">
        <v>71773</v>
      </c>
      <c r="AG33" s="149">
        <v>559146</v>
      </c>
      <c r="AH33" s="149">
        <v>5485</v>
      </c>
      <c r="AI33" s="152">
        <v>163224</v>
      </c>
      <c r="AJ33" s="148" t="s">
        <v>167</v>
      </c>
      <c r="AK33" s="149">
        <v>3720</v>
      </c>
      <c r="AL33" s="149">
        <v>50609</v>
      </c>
      <c r="AM33" s="149">
        <v>1</v>
      </c>
      <c r="AN33" s="149">
        <v>72</v>
      </c>
      <c r="AO33" s="149">
        <v>84834</v>
      </c>
      <c r="AP33" s="149">
        <v>858750</v>
      </c>
      <c r="AQ33" s="149">
        <v>4</v>
      </c>
      <c r="AR33" s="152">
        <v>196</v>
      </c>
      <c r="AS33" s="149">
        <v>3098075</v>
      </c>
      <c r="AT33" s="152">
        <v>61623100</v>
      </c>
      <c r="AU33" s="157">
        <v>44913627</v>
      </c>
      <c r="AV33" s="149">
        <v>14217150</v>
      </c>
      <c r="AW33" s="149">
        <v>2492322</v>
      </c>
      <c r="AX33" s="151">
        <v>99956</v>
      </c>
      <c r="AY33" s="152">
        <v>5573856</v>
      </c>
      <c r="AZ33" s="157">
        <v>121</v>
      </c>
      <c r="BA33" s="152">
        <v>3157</v>
      </c>
      <c r="BB33" s="148" t="s">
        <v>168</v>
      </c>
      <c r="BC33" s="157">
        <v>737</v>
      </c>
      <c r="BD33" s="149">
        <v>298832</v>
      </c>
      <c r="BE33" s="158" t="s">
        <v>84</v>
      </c>
      <c r="BF33" s="158" t="s">
        <v>84</v>
      </c>
      <c r="BG33" s="149">
        <v>902</v>
      </c>
      <c r="BH33" s="149">
        <v>45160</v>
      </c>
      <c r="BI33" s="149">
        <v>0</v>
      </c>
      <c r="BJ33" s="149">
        <v>0</v>
      </c>
      <c r="BK33" s="149">
        <v>0</v>
      </c>
      <c r="BL33" s="149">
        <v>0</v>
      </c>
      <c r="BM33" s="149">
        <v>1</v>
      </c>
      <c r="BN33" s="150">
        <v>600</v>
      </c>
      <c r="BO33" s="157">
        <v>1640</v>
      </c>
      <c r="BP33" s="149">
        <v>344592</v>
      </c>
      <c r="BQ33" s="156">
        <v>3099715</v>
      </c>
      <c r="BR33" s="152">
        <v>61967692</v>
      </c>
      <c r="BS33" s="148" t="s">
        <v>169</v>
      </c>
      <c r="BT33" s="159">
        <v>1.7</v>
      </c>
      <c r="BU33" s="160">
        <v>69.983000000000004</v>
      </c>
      <c r="BV33" s="160">
        <v>16.902000000000001</v>
      </c>
      <c r="BW33" s="160">
        <v>88.584999999999994</v>
      </c>
      <c r="BX33" s="161">
        <v>13.77</v>
      </c>
      <c r="BY33" s="161">
        <v>1.61</v>
      </c>
      <c r="BZ33" s="161">
        <v>1.94</v>
      </c>
      <c r="CA33" s="161">
        <v>1.9</v>
      </c>
      <c r="CB33" s="162">
        <v>42229</v>
      </c>
      <c r="CC33" s="149">
        <v>13921</v>
      </c>
      <c r="CD33" s="149">
        <v>6898</v>
      </c>
      <c r="CE33" s="152">
        <v>16447</v>
      </c>
    </row>
    <row r="34" spans="2:83" s="11" customFormat="1" ht="15" customHeight="1" x14ac:dyDescent="0.15">
      <c r="B34" s="148" t="s">
        <v>170</v>
      </c>
      <c r="C34" s="149">
        <v>36090</v>
      </c>
      <c r="D34" s="149">
        <v>521954</v>
      </c>
      <c r="E34" s="149">
        <v>20241442</v>
      </c>
      <c r="F34" s="149">
        <v>1507804</v>
      </c>
      <c r="G34" s="149">
        <v>2410957</v>
      </c>
      <c r="H34" s="150">
        <v>21122002</v>
      </c>
      <c r="I34" s="149">
        <v>356333</v>
      </c>
      <c r="J34" s="149">
        <v>682480</v>
      </c>
      <c r="K34" s="149">
        <v>4708200</v>
      </c>
      <c r="L34" s="149">
        <v>1900227</v>
      </c>
      <c r="M34" s="149">
        <v>3615391</v>
      </c>
      <c r="N34" s="149">
        <v>46071644</v>
      </c>
      <c r="O34" s="151">
        <v>1077157</v>
      </c>
      <c r="P34" s="149">
        <v>1309263</v>
      </c>
      <c r="Q34" s="152">
        <v>12458324</v>
      </c>
      <c r="R34" s="148" t="s">
        <v>171</v>
      </c>
      <c r="S34" s="153">
        <v>34200</v>
      </c>
      <c r="T34" s="154">
        <v>1333541</v>
      </c>
      <c r="U34" s="155">
        <v>885308</v>
      </c>
      <c r="V34" s="153">
        <v>4098</v>
      </c>
      <c r="W34" s="154">
        <v>25944</v>
      </c>
      <c r="X34" s="154">
        <v>278696</v>
      </c>
      <c r="Y34" s="149">
        <v>2981482</v>
      </c>
      <c r="Z34" s="149">
        <v>59693972</v>
      </c>
      <c r="AA34" s="156">
        <v>478</v>
      </c>
      <c r="AB34" s="149">
        <v>2513</v>
      </c>
      <c r="AC34" s="149">
        <v>43925</v>
      </c>
      <c r="AD34" s="149">
        <v>1424</v>
      </c>
      <c r="AE34" s="149">
        <v>50062</v>
      </c>
      <c r="AF34" s="149">
        <v>72228</v>
      </c>
      <c r="AG34" s="149">
        <v>563744</v>
      </c>
      <c r="AH34" s="149">
        <v>5275</v>
      </c>
      <c r="AI34" s="152">
        <v>163047</v>
      </c>
      <c r="AJ34" s="148" t="s">
        <v>170</v>
      </c>
      <c r="AK34" s="149">
        <v>3589</v>
      </c>
      <c r="AL34" s="149">
        <v>50718</v>
      </c>
      <c r="AM34" s="149">
        <v>1</v>
      </c>
      <c r="AN34" s="149">
        <v>42</v>
      </c>
      <c r="AO34" s="149">
        <v>85030</v>
      </c>
      <c r="AP34" s="149">
        <v>871538</v>
      </c>
      <c r="AQ34" s="149">
        <v>4</v>
      </c>
      <c r="AR34" s="152">
        <v>950</v>
      </c>
      <c r="AS34" s="149">
        <v>3066994</v>
      </c>
      <c r="AT34" s="152">
        <v>60566460</v>
      </c>
      <c r="AU34" s="157">
        <v>44123486</v>
      </c>
      <c r="AV34" s="149">
        <v>13968485</v>
      </c>
      <c r="AW34" s="149">
        <v>2474485</v>
      </c>
      <c r="AX34" s="151">
        <v>97859</v>
      </c>
      <c r="AY34" s="152">
        <v>5785856</v>
      </c>
      <c r="AZ34" s="157">
        <v>115</v>
      </c>
      <c r="BA34" s="152">
        <v>1660</v>
      </c>
      <c r="BB34" s="148" t="s">
        <v>172</v>
      </c>
      <c r="BC34" s="157">
        <v>821</v>
      </c>
      <c r="BD34" s="149">
        <v>332259</v>
      </c>
      <c r="BE34" s="158" t="s">
        <v>84</v>
      </c>
      <c r="BF34" s="158" t="s">
        <v>84</v>
      </c>
      <c r="BG34" s="149">
        <v>897</v>
      </c>
      <c r="BH34" s="149">
        <v>44910</v>
      </c>
      <c r="BI34" s="149">
        <v>0</v>
      </c>
      <c r="BJ34" s="149">
        <v>0</v>
      </c>
      <c r="BK34" s="149">
        <v>0</v>
      </c>
      <c r="BL34" s="149">
        <v>0</v>
      </c>
      <c r="BM34" s="149">
        <v>3</v>
      </c>
      <c r="BN34" s="150">
        <v>1800</v>
      </c>
      <c r="BO34" s="157">
        <v>1721</v>
      </c>
      <c r="BP34" s="149">
        <v>378969</v>
      </c>
      <c r="BQ34" s="156">
        <v>3068715</v>
      </c>
      <c r="BR34" s="152">
        <v>60945429</v>
      </c>
      <c r="BS34" s="148" t="s">
        <v>170</v>
      </c>
      <c r="BT34" s="159">
        <v>1.667</v>
      </c>
      <c r="BU34" s="160">
        <v>69.665000000000006</v>
      </c>
      <c r="BV34" s="160">
        <v>16.463999999999999</v>
      </c>
      <c r="BW34" s="160">
        <v>87.796000000000006</v>
      </c>
      <c r="BX34" s="161">
        <v>14.46</v>
      </c>
      <c r="BY34" s="161">
        <v>1.6</v>
      </c>
      <c r="BZ34" s="161">
        <v>1.92</v>
      </c>
      <c r="CA34" s="161">
        <v>1.9</v>
      </c>
      <c r="CB34" s="162">
        <v>40476</v>
      </c>
      <c r="CC34" s="149">
        <v>13928</v>
      </c>
      <c r="CD34" s="149">
        <v>6899</v>
      </c>
      <c r="CE34" s="152">
        <v>16393</v>
      </c>
    </row>
    <row r="35" spans="2:83" s="11" customFormat="1" ht="15" customHeight="1" x14ac:dyDescent="0.15">
      <c r="B35" s="148" t="s">
        <v>173</v>
      </c>
      <c r="C35" s="149">
        <v>36078</v>
      </c>
      <c r="D35" s="149">
        <v>518367</v>
      </c>
      <c r="E35" s="149">
        <v>20301729</v>
      </c>
      <c r="F35" s="149">
        <v>1430393</v>
      </c>
      <c r="G35" s="149">
        <v>2248376</v>
      </c>
      <c r="H35" s="150">
        <v>20578795</v>
      </c>
      <c r="I35" s="149">
        <v>329829</v>
      </c>
      <c r="J35" s="149">
        <v>610982</v>
      </c>
      <c r="K35" s="149">
        <v>4231556</v>
      </c>
      <c r="L35" s="149">
        <v>1796300</v>
      </c>
      <c r="M35" s="149">
        <v>3377725</v>
      </c>
      <c r="N35" s="149">
        <v>45112080</v>
      </c>
      <c r="O35" s="151">
        <v>1027645</v>
      </c>
      <c r="P35" s="149">
        <v>1247938</v>
      </c>
      <c r="Q35" s="152">
        <v>12268124</v>
      </c>
      <c r="R35" s="148" t="s">
        <v>173</v>
      </c>
      <c r="S35" s="153">
        <v>34161</v>
      </c>
      <c r="T35" s="154">
        <v>1320351</v>
      </c>
      <c r="U35" s="155">
        <v>876536</v>
      </c>
      <c r="V35" s="153">
        <v>4168</v>
      </c>
      <c r="W35" s="154">
        <v>27259</v>
      </c>
      <c r="X35" s="154">
        <v>290985</v>
      </c>
      <c r="Y35" s="149">
        <v>2828113</v>
      </c>
      <c r="Z35" s="149">
        <v>58547725</v>
      </c>
      <c r="AA35" s="156">
        <v>462</v>
      </c>
      <c r="AB35" s="149">
        <v>2726</v>
      </c>
      <c r="AC35" s="149">
        <v>53828</v>
      </c>
      <c r="AD35" s="149">
        <v>1363</v>
      </c>
      <c r="AE35" s="149">
        <v>49866</v>
      </c>
      <c r="AF35" s="149">
        <v>72368</v>
      </c>
      <c r="AG35" s="149">
        <v>567344</v>
      </c>
      <c r="AH35" s="149">
        <v>5460</v>
      </c>
      <c r="AI35" s="152">
        <v>166916</v>
      </c>
      <c r="AJ35" s="148" t="s">
        <v>174</v>
      </c>
      <c r="AK35" s="149">
        <v>3642</v>
      </c>
      <c r="AL35" s="149">
        <v>51292</v>
      </c>
      <c r="AM35" s="149">
        <v>0</v>
      </c>
      <c r="AN35" s="149">
        <v>0</v>
      </c>
      <c r="AO35" s="149">
        <v>85559</v>
      </c>
      <c r="AP35" s="149">
        <v>889246</v>
      </c>
      <c r="AQ35" s="149">
        <v>11</v>
      </c>
      <c r="AR35" s="152">
        <v>2580</v>
      </c>
      <c r="AS35" s="149">
        <v>2914145</v>
      </c>
      <c r="AT35" s="152">
        <v>59439551</v>
      </c>
      <c r="AU35" s="157">
        <v>43308252</v>
      </c>
      <c r="AV35" s="149">
        <v>13737152</v>
      </c>
      <c r="AW35" s="149">
        <v>2394149</v>
      </c>
      <c r="AX35" s="151">
        <v>96026</v>
      </c>
      <c r="AY35" s="152">
        <v>5688943</v>
      </c>
      <c r="AZ35" s="157">
        <v>99</v>
      </c>
      <c r="BA35" s="152">
        <v>2394</v>
      </c>
      <c r="BB35" s="148" t="s">
        <v>173</v>
      </c>
      <c r="BC35" s="157">
        <v>746</v>
      </c>
      <c r="BD35" s="149">
        <v>297440</v>
      </c>
      <c r="BE35" s="158" t="s">
        <v>84</v>
      </c>
      <c r="BF35" s="158" t="s">
        <v>84</v>
      </c>
      <c r="BG35" s="149">
        <v>903</v>
      </c>
      <c r="BH35" s="149">
        <v>45210</v>
      </c>
      <c r="BI35" s="149">
        <v>0</v>
      </c>
      <c r="BJ35" s="149">
        <v>0</v>
      </c>
      <c r="BK35" s="149">
        <v>0</v>
      </c>
      <c r="BL35" s="149">
        <v>0</v>
      </c>
      <c r="BM35" s="149">
        <v>0</v>
      </c>
      <c r="BN35" s="150">
        <v>0</v>
      </c>
      <c r="BO35" s="157">
        <v>1649</v>
      </c>
      <c r="BP35" s="149">
        <v>342650</v>
      </c>
      <c r="BQ35" s="156">
        <v>2915794</v>
      </c>
      <c r="BR35" s="152">
        <v>59782201</v>
      </c>
      <c r="BS35" s="148" t="s">
        <v>174</v>
      </c>
      <c r="BT35" s="159">
        <v>1.677</v>
      </c>
      <c r="BU35" s="160">
        <v>66.504999999999995</v>
      </c>
      <c r="BV35" s="160">
        <v>15.335000000000001</v>
      </c>
      <c r="BW35" s="160">
        <v>83.518000000000001</v>
      </c>
      <c r="BX35" s="161">
        <v>14.37</v>
      </c>
      <c r="BY35" s="161">
        <v>1.57</v>
      </c>
      <c r="BZ35" s="161">
        <v>1.85</v>
      </c>
      <c r="CA35" s="161">
        <v>1.88</v>
      </c>
      <c r="CB35" s="162">
        <v>40856</v>
      </c>
      <c r="CC35" s="149">
        <v>14609</v>
      </c>
      <c r="CD35" s="149">
        <v>6926</v>
      </c>
      <c r="CE35" s="152">
        <v>17195</v>
      </c>
    </row>
    <row r="36" spans="2:83" s="11" customFormat="1" ht="15" customHeight="1" x14ac:dyDescent="0.15">
      <c r="B36" s="148" t="s">
        <v>175</v>
      </c>
      <c r="C36" s="149">
        <v>34961</v>
      </c>
      <c r="D36" s="149">
        <v>495053</v>
      </c>
      <c r="E36" s="149">
        <v>19293439</v>
      </c>
      <c r="F36" s="149">
        <v>1472020</v>
      </c>
      <c r="G36" s="149">
        <v>2333392</v>
      </c>
      <c r="H36" s="150">
        <v>20882733</v>
      </c>
      <c r="I36" s="149">
        <v>342393</v>
      </c>
      <c r="J36" s="149">
        <v>645656</v>
      </c>
      <c r="K36" s="149">
        <v>4496142</v>
      </c>
      <c r="L36" s="149">
        <v>1849374</v>
      </c>
      <c r="M36" s="149">
        <v>3474101</v>
      </c>
      <c r="N36" s="149">
        <v>44672314</v>
      </c>
      <c r="O36" s="151">
        <v>1052581</v>
      </c>
      <c r="P36" s="149">
        <v>1277517</v>
      </c>
      <c r="Q36" s="152">
        <v>12140157</v>
      </c>
      <c r="R36" s="148" t="s">
        <v>176</v>
      </c>
      <c r="S36" s="153">
        <v>32959</v>
      </c>
      <c r="T36" s="154">
        <v>1258853</v>
      </c>
      <c r="U36" s="155">
        <v>834045</v>
      </c>
      <c r="V36" s="153">
        <v>4019</v>
      </c>
      <c r="W36" s="154">
        <v>25181</v>
      </c>
      <c r="X36" s="154">
        <v>270523</v>
      </c>
      <c r="Y36" s="149">
        <v>2905974</v>
      </c>
      <c r="Z36" s="149">
        <v>57917039</v>
      </c>
      <c r="AA36" s="156">
        <v>368</v>
      </c>
      <c r="AB36" s="149">
        <v>2543</v>
      </c>
      <c r="AC36" s="149">
        <v>40641</v>
      </c>
      <c r="AD36" s="149">
        <v>1307</v>
      </c>
      <c r="AE36" s="149">
        <v>50078</v>
      </c>
      <c r="AF36" s="149">
        <v>70330</v>
      </c>
      <c r="AG36" s="149">
        <v>537083</v>
      </c>
      <c r="AH36" s="149">
        <v>5399</v>
      </c>
      <c r="AI36" s="152">
        <v>164221</v>
      </c>
      <c r="AJ36" s="148" t="s">
        <v>177</v>
      </c>
      <c r="AK36" s="149">
        <v>3526</v>
      </c>
      <c r="AL36" s="149">
        <v>49297</v>
      </c>
      <c r="AM36" s="149">
        <v>7</v>
      </c>
      <c r="AN36" s="149">
        <v>133</v>
      </c>
      <c r="AO36" s="149">
        <v>83112</v>
      </c>
      <c r="AP36" s="149">
        <v>841453</v>
      </c>
      <c r="AQ36" s="149">
        <v>5</v>
      </c>
      <c r="AR36" s="152">
        <v>159</v>
      </c>
      <c r="AS36" s="149">
        <v>2989459</v>
      </c>
      <c r="AT36" s="152">
        <v>58758651</v>
      </c>
      <c r="AU36" s="157">
        <v>42831028</v>
      </c>
      <c r="AV36" s="149">
        <v>13528115</v>
      </c>
      <c r="AW36" s="149">
        <v>2399506</v>
      </c>
      <c r="AX36" s="151">
        <v>99378</v>
      </c>
      <c r="AY36" s="152">
        <v>5764422</v>
      </c>
      <c r="AZ36" s="157">
        <v>63</v>
      </c>
      <c r="BA36" s="152">
        <v>1966</v>
      </c>
      <c r="BB36" s="148" t="s">
        <v>178</v>
      </c>
      <c r="BC36" s="157">
        <v>773</v>
      </c>
      <c r="BD36" s="149">
        <v>305758</v>
      </c>
      <c r="BE36" s="158" t="s">
        <v>84</v>
      </c>
      <c r="BF36" s="158" t="s">
        <v>84</v>
      </c>
      <c r="BG36" s="149">
        <v>990</v>
      </c>
      <c r="BH36" s="149">
        <v>49670</v>
      </c>
      <c r="BI36" s="149">
        <v>0</v>
      </c>
      <c r="BJ36" s="149">
        <v>0</v>
      </c>
      <c r="BK36" s="149">
        <v>0</v>
      </c>
      <c r="BL36" s="149">
        <v>0</v>
      </c>
      <c r="BM36" s="149">
        <v>3</v>
      </c>
      <c r="BN36" s="150">
        <v>1500</v>
      </c>
      <c r="BO36" s="157">
        <v>1766</v>
      </c>
      <c r="BP36" s="149">
        <v>356928</v>
      </c>
      <c r="BQ36" s="156">
        <v>2991225</v>
      </c>
      <c r="BR36" s="152">
        <v>59115579</v>
      </c>
      <c r="BS36" s="148" t="s">
        <v>175</v>
      </c>
      <c r="BT36" s="159">
        <v>1.6319999999999999</v>
      </c>
      <c r="BU36" s="160">
        <v>68.700999999999993</v>
      </c>
      <c r="BV36" s="160">
        <v>15.98</v>
      </c>
      <c r="BW36" s="160">
        <v>86.311999999999998</v>
      </c>
      <c r="BX36" s="161">
        <v>14.16</v>
      </c>
      <c r="BY36" s="161">
        <v>1.59</v>
      </c>
      <c r="BZ36" s="161">
        <v>1.89</v>
      </c>
      <c r="CA36" s="161">
        <v>1.88</v>
      </c>
      <c r="CB36" s="162">
        <v>40657</v>
      </c>
      <c r="CC36" s="149">
        <v>14152</v>
      </c>
      <c r="CD36" s="149">
        <v>6964</v>
      </c>
      <c r="CE36" s="152">
        <v>16551</v>
      </c>
    </row>
    <row r="37" spans="2:83" s="11" customFormat="1" ht="15" customHeight="1" x14ac:dyDescent="0.15">
      <c r="B37" s="148" t="s">
        <v>179</v>
      </c>
      <c r="C37" s="149">
        <v>35458</v>
      </c>
      <c r="D37" s="149">
        <v>513114</v>
      </c>
      <c r="E37" s="149">
        <v>19725115</v>
      </c>
      <c r="F37" s="149">
        <v>1510374</v>
      </c>
      <c r="G37" s="149">
        <v>2411354</v>
      </c>
      <c r="H37" s="150">
        <v>21236143</v>
      </c>
      <c r="I37" s="149">
        <v>350011</v>
      </c>
      <c r="J37" s="149">
        <v>666174</v>
      </c>
      <c r="K37" s="149">
        <v>4613052</v>
      </c>
      <c r="L37" s="149">
        <v>1895843</v>
      </c>
      <c r="M37" s="149">
        <v>3590642</v>
      </c>
      <c r="N37" s="149">
        <v>45574310</v>
      </c>
      <c r="O37" s="151">
        <v>1084352</v>
      </c>
      <c r="P37" s="149">
        <v>1325147</v>
      </c>
      <c r="Q37" s="152">
        <v>12214386</v>
      </c>
      <c r="R37" s="148" t="s">
        <v>180</v>
      </c>
      <c r="S37" s="153">
        <v>33412</v>
      </c>
      <c r="T37" s="154">
        <v>1304901</v>
      </c>
      <c r="U37" s="155">
        <v>866165</v>
      </c>
      <c r="V37" s="153">
        <v>4245</v>
      </c>
      <c r="W37" s="154">
        <v>26628</v>
      </c>
      <c r="X37" s="154">
        <v>285608</v>
      </c>
      <c r="Y37" s="149">
        <v>2984440</v>
      </c>
      <c r="Z37" s="149">
        <v>58940469</v>
      </c>
      <c r="AA37" s="156">
        <v>422</v>
      </c>
      <c r="AB37" s="149">
        <v>2705</v>
      </c>
      <c r="AC37" s="149">
        <v>66840</v>
      </c>
      <c r="AD37" s="149">
        <v>1318</v>
      </c>
      <c r="AE37" s="149">
        <v>46024</v>
      </c>
      <c r="AF37" s="149">
        <v>68535</v>
      </c>
      <c r="AG37" s="149">
        <v>524954</v>
      </c>
      <c r="AH37" s="149">
        <v>5270</v>
      </c>
      <c r="AI37" s="152">
        <v>161248</v>
      </c>
      <c r="AJ37" s="148" t="s">
        <v>181</v>
      </c>
      <c r="AK37" s="149">
        <v>3460</v>
      </c>
      <c r="AL37" s="149">
        <v>48814</v>
      </c>
      <c r="AM37" s="149">
        <v>1</v>
      </c>
      <c r="AN37" s="149">
        <v>556</v>
      </c>
      <c r="AO37" s="149">
        <v>81289</v>
      </c>
      <c r="AP37" s="149">
        <v>848436</v>
      </c>
      <c r="AQ37" s="149">
        <v>8</v>
      </c>
      <c r="AR37" s="152">
        <v>290</v>
      </c>
      <c r="AS37" s="149">
        <v>3066159</v>
      </c>
      <c r="AT37" s="152">
        <v>59789195</v>
      </c>
      <c r="AU37" s="157">
        <v>43595299</v>
      </c>
      <c r="AV37" s="149">
        <v>14376007</v>
      </c>
      <c r="AW37" s="149">
        <v>1817888</v>
      </c>
      <c r="AX37" s="151">
        <v>171154</v>
      </c>
      <c r="AY37" s="152">
        <v>6119514</v>
      </c>
      <c r="AZ37" s="157">
        <v>113</v>
      </c>
      <c r="BA37" s="152">
        <v>2259</v>
      </c>
      <c r="BB37" s="148" t="s">
        <v>182</v>
      </c>
      <c r="BC37" s="157">
        <v>779</v>
      </c>
      <c r="BD37" s="149">
        <v>313381</v>
      </c>
      <c r="BE37" s="158" t="s">
        <v>84</v>
      </c>
      <c r="BF37" s="158" t="s">
        <v>84</v>
      </c>
      <c r="BG37" s="149">
        <v>1006</v>
      </c>
      <c r="BH37" s="149">
        <v>50340</v>
      </c>
      <c r="BI37" s="149">
        <v>0</v>
      </c>
      <c r="BJ37" s="149">
        <v>0</v>
      </c>
      <c r="BK37" s="149">
        <v>0</v>
      </c>
      <c r="BL37" s="149">
        <v>0</v>
      </c>
      <c r="BM37" s="149">
        <v>1</v>
      </c>
      <c r="BN37" s="150">
        <v>600</v>
      </c>
      <c r="BO37" s="157">
        <v>1786</v>
      </c>
      <c r="BP37" s="149">
        <v>364321</v>
      </c>
      <c r="BQ37" s="156">
        <v>3067945</v>
      </c>
      <c r="BR37" s="152">
        <v>60153516</v>
      </c>
      <c r="BS37" s="148" t="s">
        <v>181</v>
      </c>
      <c r="BT37" s="159">
        <v>1.671</v>
      </c>
      <c r="BU37" s="160">
        <v>71.162000000000006</v>
      </c>
      <c r="BV37" s="160">
        <v>16.491</v>
      </c>
      <c r="BW37" s="160">
        <v>89.323999999999998</v>
      </c>
      <c r="BX37" s="161">
        <v>14.47</v>
      </c>
      <c r="BY37" s="161">
        <v>1.6</v>
      </c>
      <c r="BZ37" s="161">
        <v>1.9</v>
      </c>
      <c r="CA37" s="161">
        <v>1.89</v>
      </c>
      <c r="CB37" s="162">
        <v>40130</v>
      </c>
      <c r="CC37" s="149">
        <v>13872</v>
      </c>
      <c r="CD37" s="149">
        <v>6925</v>
      </c>
      <c r="CE37" s="152">
        <v>16294</v>
      </c>
    </row>
    <row r="38" spans="2:83" s="11" customFormat="1" ht="15" customHeight="1" x14ac:dyDescent="0.15">
      <c r="B38" s="148" t="s">
        <v>183</v>
      </c>
      <c r="C38" s="149">
        <v>35186</v>
      </c>
      <c r="D38" s="149">
        <v>498547</v>
      </c>
      <c r="E38" s="149">
        <v>19711911</v>
      </c>
      <c r="F38" s="149">
        <v>1482441</v>
      </c>
      <c r="G38" s="149">
        <v>2347269</v>
      </c>
      <c r="H38" s="150">
        <v>20965385</v>
      </c>
      <c r="I38" s="149">
        <v>346394</v>
      </c>
      <c r="J38" s="149">
        <v>664012</v>
      </c>
      <c r="K38" s="149">
        <v>4582334</v>
      </c>
      <c r="L38" s="149">
        <v>1864021</v>
      </c>
      <c r="M38" s="149">
        <v>3509828</v>
      </c>
      <c r="N38" s="149">
        <v>45259630</v>
      </c>
      <c r="O38" s="151">
        <v>1066073</v>
      </c>
      <c r="P38" s="149">
        <v>1300881</v>
      </c>
      <c r="Q38" s="152">
        <v>12145574</v>
      </c>
      <c r="R38" s="148" t="s">
        <v>183</v>
      </c>
      <c r="S38" s="153">
        <v>33244</v>
      </c>
      <c r="T38" s="154">
        <v>1268037</v>
      </c>
      <c r="U38" s="155">
        <v>840975</v>
      </c>
      <c r="V38" s="153">
        <v>4350</v>
      </c>
      <c r="W38" s="154">
        <v>27085</v>
      </c>
      <c r="X38" s="154">
        <v>292109</v>
      </c>
      <c r="Y38" s="149">
        <v>2934444</v>
      </c>
      <c r="Z38" s="149">
        <v>58538288</v>
      </c>
      <c r="AA38" s="156">
        <v>386</v>
      </c>
      <c r="AB38" s="149">
        <v>2392</v>
      </c>
      <c r="AC38" s="149">
        <v>41803</v>
      </c>
      <c r="AD38" s="149">
        <v>1481</v>
      </c>
      <c r="AE38" s="149">
        <v>56436</v>
      </c>
      <c r="AF38" s="149">
        <v>69392</v>
      </c>
      <c r="AG38" s="149">
        <v>537657</v>
      </c>
      <c r="AH38" s="149">
        <v>5380</v>
      </c>
      <c r="AI38" s="152">
        <v>166257</v>
      </c>
      <c r="AJ38" s="148" t="s">
        <v>184</v>
      </c>
      <c r="AK38" s="149">
        <v>3497</v>
      </c>
      <c r="AL38" s="149">
        <v>49233</v>
      </c>
      <c r="AM38" s="149">
        <v>19</v>
      </c>
      <c r="AN38" s="149">
        <v>2320</v>
      </c>
      <c r="AO38" s="149">
        <v>82161</v>
      </c>
      <c r="AP38" s="149">
        <v>853706</v>
      </c>
      <c r="AQ38" s="149">
        <v>11</v>
      </c>
      <c r="AR38" s="152">
        <v>500</v>
      </c>
      <c r="AS38" s="149">
        <v>3017002</v>
      </c>
      <c r="AT38" s="152">
        <v>59392494</v>
      </c>
      <c r="AU38" s="157">
        <v>43330174</v>
      </c>
      <c r="AV38" s="149">
        <v>13690183</v>
      </c>
      <c r="AW38" s="149">
        <v>2372140</v>
      </c>
      <c r="AX38" s="151">
        <v>99065</v>
      </c>
      <c r="AY38" s="152">
        <v>5602567</v>
      </c>
      <c r="AZ38" s="157">
        <v>141</v>
      </c>
      <c r="BA38" s="152">
        <v>2290</v>
      </c>
      <c r="BB38" s="148" t="s">
        <v>185</v>
      </c>
      <c r="BC38" s="157">
        <v>764</v>
      </c>
      <c r="BD38" s="149">
        <v>305085</v>
      </c>
      <c r="BE38" s="158" t="s">
        <v>84</v>
      </c>
      <c r="BF38" s="158" t="s">
        <v>84</v>
      </c>
      <c r="BG38" s="149">
        <v>941</v>
      </c>
      <c r="BH38" s="149">
        <v>47050</v>
      </c>
      <c r="BI38" s="149">
        <v>0</v>
      </c>
      <c r="BJ38" s="149">
        <v>0</v>
      </c>
      <c r="BK38" s="149">
        <v>0</v>
      </c>
      <c r="BL38" s="149">
        <v>0</v>
      </c>
      <c r="BM38" s="149">
        <v>0</v>
      </c>
      <c r="BN38" s="150">
        <v>0</v>
      </c>
      <c r="BO38" s="157">
        <v>1705</v>
      </c>
      <c r="BP38" s="149">
        <v>352135</v>
      </c>
      <c r="BQ38" s="156">
        <v>3018707</v>
      </c>
      <c r="BR38" s="152">
        <v>59744629</v>
      </c>
      <c r="BS38" s="148" t="s">
        <v>185</v>
      </c>
      <c r="BT38" s="159">
        <v>1.673</v>
      </c>
      <c r="BU38" s="160">
        <v>70.489999999999995</v>
      </c>
      <c r="BV38" s="160">
        <v>16.471</v>
      </c>
      <c r="BW38" s="160">
        <v>88.634</v>
      </c>
      <c r="BX38" s="161">
        <v>14.17</v>
      </c>
      <c r="BY38" s="161">
        <v>1.58</v>
      </c>
      <c r="BZ38" s="161">
        <v>1.92</v>
      </c>
      <c r="CA38" s="161">
        <v>1.88</v>
      </c>
      <c r="CB38" s="162">
        <v>41226</v>
      </c>
      <c r="CC38" s="149">
        <v>14106</v>
      </c>
      <c r="CD38" s="149">
        <v>6901</v>
      </c>
      <c r="CE38" s="152">
        <v>16551</v>
      </c>
    </row>
    <row r="39" spans="2:83" s="11" customFormat="1" ht="15" customHeight="1" x14ac:dyDescent="0.15">
      <c r="B39" s="148" t="s">
        <v>186</v>
      </c>
      <c r="C39" s="149">
        <v>33916</v>
      </c>
      <c r="D39" s="149">
        <v>502070</v>
      </c>
      <c r="E39" s="149">
        <v>19352396</v>
      </c>
      <c r="F39" s="149">
        <v>1501140</v>
      </c>
      <c r="G39" s="149">
        <v>2342024</v>
      </c>
      <c r="H39" s="150">
        <v>20747408</v>
      </c>
      <c r="I39" s="149">
        <v>350935</v>
      </c>
      <c r="J39" s="149">
        <v>644863</v>
      </c>
      <c r="K39" s="149">
        <v>4469378</v>
      </c>
      <c r="L39" s="149">
        <v>1885991</v>
      </c>
      <c r="M39" s="149">
        <v>3488957</v>
      </c>
      <c r="N39" s="149">
        <v>44569182</v>
      </c>
      <c r="O39" s="151">
        <v>1096382</v>
      </c>
      <c r="P39" s="149">
        <v>1338160</v>
      </c>
      <c r="Q39" s="152">
        <v>12857395</v>
      </c>
      <c r="R39" s="148" t="s">
        <v>187</v>
      </c>
      <c r="S39" s="153">
        <v>32051</v>
      </c>
      <c r="T39" s="154">
        <v>1281097</v>
      </c>
      <c r="U39" s="155">
        <v>851024</v>
      </c>
      <c r="V39" s="153">
        <v>4307</v>
      </c>
      <c r="W39" s="154">
        <v>26261</v>
      </c>
      <c r="X39" s="154">
        <v>285218</v>
      </c>
      <c r="Y39" s="149">
        <v>2986680</v>
      </c>
      <c r="Z39" s="149">
        <v>58562819</v>
      </c>
      <c r="AA39" s="156">
        <v>410</v>
      </c>
      <c r="AB39" s="149">
        <v>2371</v>
      </c>
      <c r="AC39" s="149">
        <v>43495</v>
      </c>
      <c r="AD39" s="149">
        <v>1278</v>
      </c>
      <c r="AE39" s="149">
        <v>47113</v>
      </c>
      <c r="AF39" s="149">
        <v>68002</v>
      </c>
      <c r="AG39" s="149">
        <v>522962</v>
      </c>
      <c r="AH39" s="149">
        <v>5330</v>
      </c>
      <c r="AI39" s="152">
        <v>161562</v>
      </c>
      <c r="AJ39" s="148" t="s">
        <v>186</v>
      </c>
      <c r="AK39" s="149">
        <v>3488</v>
      </c>
      <c r="AL39" s="149">
        <v>48736</v>
      </c>
      <c r="AM39" s="149">
        <v>1</v>
      </c>
      <c r="AN39" s="149">
        <v>124</v>
      </c>
      <c r="AO39" s="149">
        <v>80470</v>
      </c>
      <c r="AP39" s="149">
        <v>823992</v>
      </c>
      <c r="AQ39" s="149">
        <v>8</v>
      </c>
      <c r="AR39" s="152">
        <v>266</v>
      </c>
      <c r="AS39" s="149">
        <v>3067568</v>
      </c>
      <c r="AT39" s="152">
        <v>59387077</v>
      </c>
      <c r="AU39" s="157">
        <v>43310001</v>
      </c>
      <c r="AV39" s="149">
        <v>13918322</v>
      </c>
      <c r="AW39" s="149">
        <v>2158753</v>
      </c>
      <c r="AX39" s="151">
        <v>99462</v>
      </c>
      <c r="AY39" s="152">
        <v>5872127</v>
      </c>
      <c r="AZ39" s="157">
        <v>53</v>
      </c>
      <c r="BA39" s="152">
        <v>483</v>
      </c>
      <c r="BB39" s="148" t="s">
        <v>186</v>
      </c>
      <c r="BC39" s="157">
        <v>771</v>
      </c>
      <c r="BD39" s="149">
        <v>311021</v>
      </c>
      <c r="BE39" s="158" t="s">
        <v>84</v>
      </c>
      <c r="BF39" s="158" t="s">
        <v>84</v>
      </c>
      <c r="BG39" s="149">
        <v>1047</v>
      </c>
      <c r="BH39" s="149">
        <v>52390</v>
      </c>
      <c r="BI39" s="149">
        <v>0</v>
      </c>
      <c r="BJ39" s="149">
        <v>0</v>
      </c>
      <c r="BK39" s="149">
        <v>0</v>
      </c>
      <c r="BL39" s="149">
        <v>0</v>
      </c>
      <c r="BM39" s="149">
        <v>0</v>
      </c>
      <c r="BN39" s="150">
        <v>0</v>
      </c>
      <c r="BO39" s="157">
        <v>1818</v>
      </c>
      <c r="BP39" s="149">
        <v>363411</v>
      </c>
      <c r="BQ39" s="156">
        <v>3069386</v>
      </c>
      <c r="BR39" s="152">
        <v>59750488</v>
      </c>
      <c r="BS39" s="148" t="s">
        <v>188</v>
      </c>
      <c r="BT39" s="159">
        <v>1.623</v>
      </c>
      <c r="BU39" s="160">
        <v>71.825999999999993</v>
      </c>
      <c r="BV39" s="160">
        <v>16.791</v>
      </c>
      <c r="BW39" s="160">
        <v>90.24</v>
      </c>
      <c r="BX39" s="161">
        <v>14.8</v>
      </c>
      <c r="BY39" s="161">
        <v>1.56</v>
      </c>
      <c r="BZ39" s="161">
        <v>1.84</v>
      </c>
      <c r="CA39" s="161">
        <v>1.85</v>
      </c>
      <c r="CB39" s="162">
        <v>40240</v>
      </c>
      <c r="CC39" s="149">
        <v>14349</v>
      </c>
      <c r="CD39" s="149">
        <v>6931</v>
      </c>
      <c r="CE39" s="152">
        <v>16660</v>
      </c>
    </row>
    <row r="40" spans="2:83" s="11" customFormat="1" ht="15" customHeight="1" x14ac:dyDescent="0.15">
      <c r="B40" s="163" t="s">
        <v>189</v>
      </c>
      <c r="C40" s="149">
        <v>33427</v>
      </c>
      <c r="D40" s="149">
        <v>501876</v>
      </c>
      <c r="E40" s="149">
        <v>19796340</v>
      </c>
      <c r="F40" s="149">
        <v>1435064</v>
      </c>
      <c r="G40" s="149">
        <v>2173211</v>
      </c>
      <c r="H40" s="150">
        <v>20173214</v>
      </c>
      <c r="I40" s="149">
        <v>327134</v>
      </c>
      <c r="J40" s="149">
        <v>598519</v>
      </c>
      <c r="K40" s="149">
        <v>4053797</v>
      </c>
      <c r="L40" s="149">
        <v>1795625</v>
      </c>
      <c r="M40" s="149">
        <v>3273606</v>
      </c>
      <c r="N40" s="149">
        <v>44023351</v>
      </c>
      <c r="O40" s="151">
        <v>1041490</v>
      </c>
      <c r="P40" s="149">
        <v>1232721</v>
      </c>
      <c r="Q40" s="152">
        <v>11683888</v>
      </c>
      <c r="R40" s="163" t="s">
        <v>189</v>
      </c>
      <c r="S40" s="153">
        <v>31390</v>
      </c>
      <c r="T40" s="154">
        <v>1274611</v>
      </c>
      <c r="U40" s="155">
        <v>845132</v>
      </c>
      <c r="V40" s="153">
        <v>4400</v>
      </c>
      <c r="W40" s="154">
        <v>26421</v>
      </c>
      <c r="X40" s="154">
        <v>286549</v>
      </c>
      <c r="Y40" s="149">
        <v>2841515</v>
      </c>
      <c r="Z40" s="149">
        <v>56838920</v>
      </c>
      <c r="AA40" s="156">
        <v>327</v>
      </c>
      <c r="AB40" s="149">
        <v>2609</v>
      </c>
      <c r="AC40" s="149">
        <v>43745</v>
      </c>
      <c r="AD40" s="149">
        <v>1245</v>
      </c>
      <c r="AE40" s="149">
        <v>43037</v>
      </c>
      <c r="AF40" s="149">
        <v>65705</v>
      </c>
      <c r="AG40" s="149">
        <v>502495</v>
      </c>
      <c r="AH40" s="149">
        <v>5268</v>
      </c>
      <c r="AI40" s="152">
        <v>161324</v>
      </c>
      <c r="AJ40" s="163" t="s">
        <v>189</v>
      </c>
      <c r="AK40" s="149">
        <v>3417</v>
      </c>
      <c r="AL40" s="149">
        <v>46759</v>
      </c>
      <c r="AM40" s="149">
        <v>16</v>
      </c>
      <c r="AN40" s="149">
        <v>419</v>
      </c>
      <c r="AO40" s="149">
        <v>78260</v>
      </c>
      <c r="AP40" s="149">
        <v>797779</v>
      </c>
      <c r="AQ40" s="149">
        <v>3</v>
      </c>
      <c r="AR40" s="152">
        <v>92</v>
      </c>
      <c r="AS40" s="149">
        <v>2920105</v>
      </c>
      <c r="AT40" s="152">
        <v>57636791</v>
      </c>
      <c r="AU40" s="157">
        <v>42017035</v>
      </c>
      <c r="AV40" s="149">
        <v>13371281</v>
      </c>
      <c r="AW40" s="149">
        <v>2248474</v>
      </c>
      <c r="AX40" s="151">
        <v>101382</v>
      </c>
      <c r="AY40" s="152">
        <v>5574037</v>
      </c>
      <c r="AZ40" s="157">
        <v>102</v>
      </c>
      <c r="BA40" s="152">
        <v>2120</v>
      </c>
      <c r="BB40" s="163" t="s">
        <v>190</v>
      </c>
      <c r="BC40" s="157">
        <v>718</v>
      </c>
      <c r="BD40" s="149">
        <v>287528</v>
      </c>
      <c r="BE40" s="158" t="s">
        <v>84</v>
      </c>
      <c r="BF40" s="158" t="s">
        <v>84</v>
      </c>
      <c r="BG40" s="149">
        <v>1135</v>
      </c>
      <c r="BH40" s="149">
        <v>56870</v>
      </c>
      <c r="BI40" s="149">
        <v>0</v>
      </c>
      <c r="BJ40" s="149">
        <v>0</v>
      </c>
      <c r="BK40" s="149">
        <v>0</v>
      </c>
      <c r="BL40" s="149">
        <v>0</v>
      </c>
      <c r="BM40" s="149">
        <v>0</v>
      </c>
      <c r="BN40" s="150">
        <v>0</v>
      </c>
      <c r="BO40" s="157">
        <v>1853</v>
      </c>
      <c r="BP40" s="149">
        <v>344398</v>
      </c>
      <c r="BQ40" s="156">
        <v>2921958</v>
      </c>
      <c r="BR40" s="152">
        <v>57981189</v>
      </c>
      <c r="BS40" s="163" t="s">
        <v>191</v>
      </c>
      <c r="BT40" s="159">
        <v>1.611</v>
      </c>
      <c r="BU40" s="160">
        <v>69.156000000000006</v>
      </c>
      <c r="BV40" s="160">
        <v>15.765000000000001</v>
      </c>
      <c r="BW40" s="160">
        <v>86.531999999999996</v>
      </c>
      <c r="BX40" s="161">
        <v>15.01</v>
      </c>
      <c r="BY40" s="161">
        <v>1.51</v>
      </c>
      <c r="BZ40" s="161">
        <v>1.83</v>
      </c>
      <c r="CA40" s="161">
        <v>1.82</v>
      </c>
      <c r="CB40" s="162">
        <v>41129</v>
      </c>
      <c r="CC40" s="149">
        <v>14659</v>
      </c>
      <c r="CD40" s="149">
        <v>6773</v>
      </c>
      <c r="CE40" s="152">
        <v>17224</v>
      </c>
    </row>
    <row r="41" spans="2:83" s="11" customFormat="1" ht="15" customHeight="1" thickBot="1" x14ac:dyDescent="0.2">
      <c r="B41" s="164" t="s">
        <v>192</v>
      </c>
      <c r="C41" s="165">
        <v>34418</v>
      </c>
      <c r="D41" s="166">
        <v>466561</v>
      </c>
      <c r="E41" s="166">
        <v>18742082</v>
      </c>
      <c r="F41" s="166">
        <v>1422058</v>
      </c>
      <c r="G41" s="166">
        <v>2178709</v>
      </c>
      <c r="H41" s="165">
        <v>19762966</v>
      </c>
      <c r="I41" s="166">
        <v>333016</v>
      </c>
      <c r="J41" s="166">
        <v>618825</v>
      </c>
      <c r="K41" s="165">
        <v>4322237</v>
      </c>
      <c r="L41" s="166">
        <v>1789492</v>
      </c>
      <c r="M41" s="166">
        <v>3264095</v>
      </c>
      <c r="N41" s="166">
        <v>42827285</v>
      </c>
      <c r="O41" s="167">
        <v>1033900</v>
      </c>
      <c r="P41" s="166">
        <v>1223812</v>
      </c>
      <c r="Q41" s="168">
        <v>11646648</v>
      </c>
      <c r="R41" s="164" t="s">
        <v>193</v>
      </c>
      <c r="S41" s="169">
        <v>32527</v>
      </c>
      <c r="T41" s="170">
        <v>1188015</v>
      </c>
      <c r="U41" s="171">
        <v>790411</v>
      </c>
      <c r="V41" s="169">
        <v>4239</v>
      </c>
      <c r="W41" s="170">
        <v>25302</v>
      </c>
      <c r="X41" s="170">
        <v>273300</v>
      </c>
      <c r="Y41" s="166">
        <v>2827631</v>
      </c>
      <c r="Z41" s="166">
        <v>55537644</v>
      </c>
      <c r="AA41" s="172">
        <v>515</v>
      </c>
      <c r="AB41" s="166">
        <v>5131</v>
      </c>
      <c r="AC41" s="166">
        <v>68399</v>
      </c>
      <c r="AD41" s="166">
        <v>1542</v>
      </c>
      <c r="AE41" s="166">
        <v>52721</v>
      </c>
      <c r="AF41" s="166">
        <v>63145</v>
      </c>
      <c r="AG41" s="166">
        <v>477084</v>
      </c>
      <c r="AH41" s="166">
        <v>5495</v>
      </c>
      <c r="AI41" s="168">
        <v>158265</v>
      </c>
      <c r="AJ41" s="164" t="s">
        <v>193</v>
      </c>
      <c r="AK41" s="166">
        <v>3510</v>
      </c>
      <c r="AL41" s="166">
        <v>47770</v>
      </c>
      <c r="AM41" s="166">
        <v>80</v>
      </c>
      <c r="AN41" s="166">
        <v>981</v>
      </c>
      <c r="AO41" s="166">
        <v>78903</v>
      </c>
      <c r="AP41" s="166">
        <v>805220</v>
      </c>
      <c r="AQ41" s="166">
        <v>10</v>
      </c>
      <c r="AR41" s="168">
        <v>2522</v>
      </c>
      <c r="AS41" s="166">
        <v>2907059</v>
      </c>
      <c r="AT41" s="168">
        <v>56345386</v>
      </c>
      <c r="AU41" s="173">
        <v>41094052</v>
      </c>
      <c r="AV41" s="166">
        <v>13454092</v>
      </c>
      <c r="AW41" s="166">
        <v>1797241</v>
      </c>
      <c r="AX41" s="167">
        <v>145941</v>
      </c>
      <c r="AY41" s="168">
        <v>6086598</v>
      </c>
      <c r="AZ41" s="173">
        <v>425</v>
      </c>
      <c r="BA41" s="168">
        <v>10110</v>
      </c>
      <c r="BB41" s="164" t="s">
        <v>192</v>
      </c>
      <c r="BC41" s="173">
        <v>733</v>
      </c>
      <c r="BD41" s="166">
        <v>288050</v>
      </c>
      <c r="BE41" s="174" t="s">
        <v>84</v>
      </c>
      <c r="BF41" s="174" t="s">
        <v>84</v>
      </c>
      <c r="BG41" s="166">
        <v>1294</v>
      </c>
      <c r="BH41" s="166">
        <v>64750</v>
      </c>
      <c r="BI41" s="166">
        <v>0</v>
      </c>
      <c r="BJ41" s="166">
        <v>0</v>
      </c>
      <c r="BK41" s="166">
        <v>0</v>
      </c>
      <c r="BL41" s="166">
        <v>0</v>
      </c>
      <c r="BM41" s="166">
        <v>0</v>
      </c>
      <c r="BN41" s="165">
        <v>0</v>
      </c>
      <c r="BO41" s="173">
        <v>2027</v>
      </c>
      <c r="BP41" s="166">
        <v>352800</v>
      </c>
      <c r="BQ41" s="172">
        <v>2909086</v>
      </c>
      <c r="BR41" s="168">
        <v>56698186</v>
      </c>
      <c r="BS41" s="164" t="s">
        <v>192</v>
      </c>
      <c r="BT41" s="175">
        <v>1.67</v>
      </c>
      <c r="BU41" s="176">
        <v>68.983000000000004</v>
      </c>
      <c r="BV41" s="176">
        <v>16.154</v>
      </c>
      <c r="BW41" s="176">
        <v>86.805999999999997</v>
      </c>
      <c r="BX41" s="177">
        <v>13.56</v>
      </c>
      <c r="BY41" s="177">
        <v>1.53</v>
      </c>
      <c r="BZ41" s="177">
        <v>1.86</v>
      </c>
      <c r="CA41" s="177">
        <v>1.82</v>
      </c>
      <c r="CB41" s="178">
        <v>41865</v>
      </c>
      <c r="CC41" s="166">
        <v>14417</v>
      </c>
      <c r="CD41" s="166">
        <v>6985</v>
      </c>
      <c r="CE41" s="168">
        <v>16884</v>
      </c>
    </row>
    <row r="42" spans="2:83" s="139" customFormat="1" ht="12" customHeight="1" thickBot="1" x14ac:dyDescent="0.2">
      <c r="B42" s="179" t="s">
        <v>194</v>
      </c>
      <c r="C42" s="130"/>
      <c r="D42" s="130"/>
      <c r="E42" s="130"/>
      <c r="F42" s="130"/>
      <c r="G42" s="130"/>
      <c r="H42" s="130"/>
      <c r="I42" s="130"/>
      <c r="J42" s="130"/>
      <c r="K42" s="130"/>
      <c r="L42" s="130"/>
      <c r="M42" s="130"/>
      <c r="N42" s="180"/>
      <c r="O42" s="180"/>
      <c r="P42" s="130"/>
      <c r="Q42" s="180"/>
      <c r="R42" s="179" t="s">
        <v>194</v>
      </c>
      <c r="S42" s="130"/>
      <c r="T42" s="130"/>
      <c r="U42" s="132"/>
      <c r="V42" s="132"/>
      <c r="W42" s="132"/>
      <c r="X42" s="132"/>
      <c r="Y42" s="181"/>
      <c r="Z42" s="180"/>
      <c r="AA42" s="180"/>
      <c r="AB42" s="130"/>
      <c r="AC42" s="130"/>
      <c r="AD42" s="130"/>
      <c r="AE42" s="130"/>
      <c r="AF42" s="130"/>
      <c r="AG42" s="130"/>
      <c r="AH42" s="130"/>
      <c r="AI42" s="180"/>
      <c r="AJ42" s="179" t="s">
        <v>194</v>
      </c>
      <c r="AK42" s="130"/>
      <c r="AL42" s="130"/>
      <c r="AM42" s="130"/>
      <c r="AN42" s="130"/>
      <c r="AO42" s="130"/>
      <c r="AP42" s="131"/>
      <c r="AQ42" s="182"/>
      <c r="AR42" s="183"/>
      <c r="AS42" s="130"/>
      <c r="AT42" s="130"/>
      <c r="AU42" s="130"/>
      <c r="AV42" s="130"/>
      <c r="AW42" s="130"/>
      <c r="AX42" s="180"/>
      <c r="AY42" s="180"/>
      <c r="AZ42" s="180"/>
      <c r="BA42" s="180"/>
      <c r="BB42" s="179" t="s">
        <v>194</v>
      </c>
      <c r="BC42" s="180"/>
      <c r="BD42" s="130"/>
      <c r="BE42" s="135"/>
      <c r="BF42" s="135"/>
      <c r="BG42" s="130"/>
      <c r="BH42" s="130"/>
      <c r="BI42" s="130"/>
      <c r="BJ42" s="130"/>
      <c r="BK42" s="130"/>
      <c r="BL42" s="130"/>
      <c r="BM42" s="130"/>
      <c r="BN42" s="130"/>
      <c r="BO42" s="180"/>
      <c r="BP42" s="130"/>
      <c r="BQ42" s="130"/>
      <c r="BR42" s="180"/>
      <c r="BS42" s="179" t="s">
        <v>194</v>
      </c>
      <c r="BT42" s="136"/>
      <c r="BU42" s="136"/>
      <c r="BV42" s="136"/>
      <c r="BW42" s="136"/>
      <c r="BX42" s="137"/>
      <c r="BY42" s="137"/>
      <c r="BZ42" s="137"/>
      <c r="CA42" s="137"/>
      <c r="CB42" s="138"/>
      <c r="CC42" s="130"/>
      <c r="CD42" s="130"/>
      <c r="CE42" s="130"/>
    </row>
    <row r="43" spans="2:83" s="184" customFormat="1" ht="15" customHeight="1" thickTop="1" thickBot="1" x14ac:dyDescent="0.2">
      <c r="B43" s="211" t="s">
        <v>153</v>
      </c>
      <c r="C43" s="212">
        <v>15727</v>
      </c>
      <c r="D43" s="212">
        <v>152374</v>
      </c>
      <c r="E43" s="212">
        <v>8327616</v>
      </c>
      <c r="F43" s="212">
        <v>899354</v>
      </c>
      <c r="G43" s="212">
        <v>1307089</v>
      </c>
      <c r="H43" s="213">
        <v>10560553</v>
      </c>
      <c r="I43" s="212">
        <v>218844</v>
      </c>
      <c r="J43" s="212">
        <v>400148</v>
      </c>
      <c r="K43" s="212">
        <v>2800384</v>
      </c>
      <c r="L43" s="212">
        <v>1133925</v>
      </c>
      <c r="M43" s="212">
        <v>1859611</v>
      </c>
      <c r="N43" s="212">
        <v>21688553</v>
      </c>
      <c r="O43" s="214">
        <v>623404</v>
      </c>
      <c r="P43" s="212">
        <v>751674</v>
      </c>
      <c r="Q43" s="215">
        <v>6240505</v>
      </c>
      <c r="R43" s="211" t="s">
        <v>153</v>
      </c>
      <c r="S43" s="216">
        <v>14251</v>
      </c>
      <c r="T43" s="212">
        <v>349199</v>
      </c>
      <c r="U43" s="213">
        <v>232039</v>
      </c>
      <c r="V43" s="216">
        <v>1055</v>
      </c>
      <c r="W43" s="212">
        <v>5679</v>
      </c>
      <c r="X43" s="212">
        <v>64288</v>
      </c>
      <c r="Y43" s="212">
        <v>1758384</v>
      </c>
      <c r="Z43" s="212">
        <v>28225385</v>
      </c>
      <c r="AA43" s="217">
        <v>113</v>
      </c>
      <c r="AB43" s="212">
        <v>879</v>
      </c>
      <c r="AC43" s="212">
        <v>11233</v>
      </c>
      <c r="AD43" s="212">
        <v>853</v>
      </c>
      <c r="AE43" s="212">
        <v>33432</v>
      </c>
      <c r="AF43" s="212">
        <v>59316</v>
      </c>
      <c r="AG43" s="212">
        <v>404229</v>
      </c>
      <c r="AH43" s="212">
        <v>1117</v>
      </c>
      <c r="AI43" s="215">
        <v>34593</v>
      </c>
      <c r="AJ43" s="211" t="s">
        <v>153</v>
      </c>
      <c r="AK43" s="212">
        <v>1350</v>
      </c>
      <c r="AL43" s="212">
        <v>16018</v>
      </c>
      <c r="AM43" s="212">
        <v>2</v>
      </c>
      <c r="AN43" s="212">
        <v>5</v>
      </c>
      <c r="AO43" s="212">
        <v>63517</v>
      </c>
      <c r="AP43" s="212">
        <v>499510</v>
      </c>
      <c r="AQ43" s="212">
        <v>1</v>
      </c>
      <c r="AR43" s="215">
        <v>50</v>
      </c>
      <c r="AS43" s="212">
        <v>1822015</v>
      </c>
      <c r="AT43" s="215">
        <v>28724945</v>
      </c>
      <c r="AU43" s="33">
        <v>20564817</v>
      </c>
      <c r="AV43" s="218">
        <v>7141990</v>
      </c>
      <c r="AW43" s="212">
        <v>1018131</v>
      </c>
      <c r="AX43" s="214">
        <v>24962</v>
      </c>
      <c r="AY43" s="215">
        <v>2095049</v>
      </c>
      <c r="AZ43" s="216">
        <v>2</v>
      </c>
      <c r="BA43" s="215">
        <v>105</v>
      </c>
      <c r="BB43" s="211" t="s">
        <v>153</v>
      </c>
      <c r="BC43" s="216">
        <v>1367</v>
      </c>
      <c r="BD43" s="212">
        <v>568933</v>
      </c>
      <c r="BE43" s="219" t="s">
        <v>84</v>
      </c>
      <c r="BF43" s="219" t="s">
        <v>84</v>
      </c>
      <c r="BG43" s="212">
        <v>307</v>
      </c>
      <c r="BH43" s="212">
        <v>31720</v>
      </c>
      <c r="BI43" s="212">
        <v>3814</v>
      </c>
      <c r="BJ43" s="212">
        <v>289333</v>
      </c>
      <c r="BK43" s="212">
        <v>18</v>
      </c>
      <c r="BL43" s="212">
        <v>3397</v>
      </c>
      <c r="BM43" s="212">
        <v>11847</v>
      </c>
      <c r="BN43" s="213">
        <v>342626</v>
      </c>
      <c r="BO43" s="216">
        <v>17353</v>
      </c>
      <c r="BP43" s="212">
        <v>1236009</v>
      </c>
      <c r="BQ43" s="220">
        <v>1839368</v>
      </c>
      <c r="BR43" s="215">
        <v>29960954</v>
      </c>
      <c r="BS43" s="211" t="s">
        <v>153</v>
      </c>
      <c r="BT43" s="221">
        <v>11.036</v>
      </c>
      <c r="BU43" s="222">
        <v>631.072</v>
      </c>
      <c r="BV43" s="222">
        <v>153.56200000000001</v>
      </c>
      <c r="BW43" s="222">
        <v>7410.29</v>
      </c>
      <c r="BX43" s="223">
        <v>9.69</v>
      </c>
      <c r="BY43" s="223">
        <v>1.45</v>
      </c>
      <c r="BZ43" s="223">
        <v>1.83</v>
      </c>
      <c r="CA43" s="223">
        <v>1.64</v>
      </c>
      <c r="CB43" s="212">
        <v>56175</v>
      </c>
      <c r="CC43" s="212">
        <v>12854</v>
      </c>
      <c r="CD43" s="212">
        <v>6998</v>
      </c>
      <c r="CE43" s="215">
        <v>15132</v>
      </c>
    </row>
    <row r="44" spans="2:83" s="184" customFormat="1" ht="15" customHeight="1" thickTop="1" x14ac:dyDescent="0.15">
      <c r="B44" s="148" t="s">
        <v>195</v>
      </c>
      <c r="C44" s="149">
        <v>1324</v>
      </c>
      <c r="D44" s="149">
        <v>12977</v>
      </c>
      <c r="E44" s="149">
        <v>686745</v>
      </c>
      <c r="F44" s="149">
        <v>75511</v>
      </c>
      <c r="G44" s="149">
        <v>111282</v>
      </c>
      <c r="H44" s="150">
        <v>884781</v>
      </c>
      <c r="I44" s="149">
        <v>19066</v>
      </c>
      <c r="J44" s="149">
        <v>35751</v>
      </c>
      <c r="K44" s="149">
        <v>249587</v>
      </c>
      <c r="L44" s="149">
        <v>95901</v>
      </c>
      <c r="M44" s="149">
        <v>160010</v>
      </c>
      <c r="N44" s="149">
        <v>1821113</v>
      </c>
      <c r="O44" s="151">
        <v>52578</v>
      </c>
      <c r="P44" s="149">
        <v>63861</v>
      </c>
      <c r="Q44" s="152">
        <v>543645</v>
      </c>
      <c r="R44" s="148" t="s">
        <v>160</v>
      </c>
      <c r="S44" s="153">
        <v>1210</v>
      </c>
      <c r="T44" s="154">
        <v>30122</v>
      </c>
      <c r="U44" s="155">
        <v>20181</v>
      </c>
      <c r="V44" s="153">
        <v>84</v>
      </c>
      <c r="W44" s="154">
        <v>434</v>
      </c>
      <c r="X44" s="154">
        <v>4943</v>
      </c>
      <c r="Y44" s="149">
        <v>148563</v>
      </c>
      <c r="Z44" s="149">
        <v>2389882</v>
      </c>
      <c r="AA44" s="156">
        <v>12</v>
      </c>
      <c r="AB44" s="149">
        <v>122</v>
      </c>
      <c r="AC44" s="149">
        <v>1200</v>
      </c>
      <c r="AD44" s="149">
        <v>78</v>
      </c>
      <c r="AE44" s="149">
        <v>2629</v>
      </c>
      <c r="AF44" s="149">
        <v>4746</v>
      </c>
      <c r="AG44" s="149">
        <v>31461</v>
      </c>
      <c r="AH44" s="149">
        <v>86</v>
      </c>
      <c r="AI44" s="152">
        <v>2528</v>
      </c>
      <c r="AJ44" s="148" t="s">
        <v>196</v>
      </c>
      <c r="AK44" s="149">
        <v>101</v>
      </c>
      <c r="AL44" s="149">
        <v>1213</v>
      </c>
      <c r="AM44" s="149">
        <v>0</v>
      </c>
      <c r="AN44" s="149">
        <v>0</v>
      </c>
      <c r="AO44" s="149">
        <v>5133</v>
      </c>
      <c r="AP44" s="149">
        <v>39031</v>
      </c>
      <c r="AQ44" s="149">
        <v>0</v>
      </c>
      <c r="AR44" s="152">
        <v>0</v>
      </c>
      <c r="AS44" s="149">
        <v>153708</v>
      </c>
      <c r="AT44" s="152">
        <v>2428913</v>
      </c>
      <c r="AU44" s="157">
        <v>1736387</v>
      </c>
      <c r="AV44" s="149">
        <v>607518</v>
      </c>
      <c r="AW44" s="149">
        <v>85008</v>
      </c>
      <c r="AX44" s="151">
        <v>2082</v>
      </c>
      <c r="AY44" s="152">
        <v>183945</v>
      </c>
      <c r="AZ44" s="157">
        <v>0</v>
      </c>
      <c r="BA44" s="152">
        <v>0</v>
      </c>
      <c r="BB44" s="148" t="s">
        <v>160</v>
      </c>
      <c r="BC44" s="157">
        <v>125</v>
      </c>
      <c r="BD44" s="149">
        <v>52571</v>
      </c>
      <c r="BE44" s="158" t="s">
        <v>84</v>
      </c>
      <c r="BF44" s="158" t="s">
        <v>84</v>
      </c>
      <c r="BG44" s="149">
        <v>31</v>
      </c>
      <c r="BH44" s="149">
        <v>3720</v>
      </c>
      <c r="BI44" s="149">
        <v>328</v>
      </c>
      <c r="BJ44" s="149">
        <v>23771</v>
      </c>
      <c r="BK44" s="149">
        <v>1</v>
      </c>
      <c r="BL44" s="149">
        <v>228</v>
      </c>
      <c r="BM44" s="149">
        <v>987</v>
      </c>
      <c r="BN44" s="150">
        <v>28747</v>
      </c>
      <c r="BO44" s="157">
        <v>1472</v>
      </c>
      <c r="BP44" s="149">
        <v>109037</v>
      </c>
      <c r="BQ44" s="156">
        <v>155180</v>
      </c>
      <c r="BR44" s="152">
        <v>2537950</v>
      </c>
      <c r="BS44" s="148" t="s">
        <v>160</v>
      </c>
      <c r="BT44" s="159">
        <v>0.89900000000000002</v>
      </c>
      <c r="BU44" s="160">
        <v>51.284999999999997</v>
      </c>
      <c r="BV44" s="160">
        <v>12.949</v>
      </c>
      <c r="BW44" s="160">
        <v>600.91899999999998</v>
      </c>
      <c r="BX44" s="161">
        <v>9.8000000000000007</v>
      </c>
      <c r="BY44" s="161">
        <v>1.47</v>
      </c>
      <c r="BZ44" s="161">
        <v>1.88</v>
      </c>
      <c r="CA44" s="161">
        <v>1.67</v>
      </c>
      <c r="CB44" s="162">
        <v>54475</v>
      </c>
      <c r="CC44" s="149">
        <v>12836</v>
      </c>
      <c r="CD44" s="149">
        <v>6981</v>
      </c>
      <c r="CE44" s="152">
        <v>14895</v>
      </c>
    </row>
    <row r="45" spans="2:83" s="184" customFormat="1" ht="15" customHeight="1" x14ac:dyDescent="0.15">
      <c r="B45" s="148" t="s">
        <v>197</v>
      </c>
      <c r="C45" s="149">
        <v>1287</v>
      </c>
      <c r="D45" s="149">
        <v>12792</v>
      </c>
      <c r="E45" s="149">
        <v>652559</v>
      </c>
      <c r="F45" s="149">
        <v>74487</v>
      </c>
      <c r="G45" s="149">
        <v>107745</v>
      </c>
      <c r="H45" s="150">
        <v>864377</v>
      </c>
      <c r="I45" s="149">
        <v>18449</v>
      </c>
      <c r="J45" s="149">
        <v>33768</v>
      </c>
      <c r="K45" s="149">
        <v>236791</v>
      </c>
      <c r="L45" s="149">
        <v>94223</v>
      </c>
      <c r="M45" s="149">
        <v>154305</v>
      </c>
      <c r="N45" s="149">
        <v>1753727</v>
      </c>
      <c r="O45" s="151">
        <v>50705</v>
      </c>
      <c r="P45" s="149">
        <v>60556</v>
      </c>
      <c r="Q45" s="152">
        <v>496402</v>
      </c>
      <c r="R45" s="148" t="s">
        <v>198</v>
      </c>
      <c r="S45" s="153">
        <v>1162</v>
      </c>
      <c r="T45" s="154">
        <v>29974</v>
      </c>
      <c r="U45" s="155">
        <v>19848</v>
      </c>
      <c r="V45" s="153">
        <v>86</v>
      </c>
      <c r="W45" s="154">
        <v>471</v>
      </c>
      <c r="X45" s="154">
        <v>5387</v>
      </c>
      <c r="Y45" s="149">
        <v>145014</v>
      </c>
      <c r="Z45" s="149">
        <v>2275364</v>
      </c>
      <c r="AA45" s="156">
        <v>1</v>
      </c>
      <c r="AB45" s="149">
        <v>102</v>
      </c>
      <c r="AC45" s="149">
        <v>847</v>
      </c>
      <c r="AD45" s="149">
        <v>60</v>
      </c>
      <c r="AE45" s="149">
        <v>1871</v>
      </c>
      <c r="AF45" s="149">
        <v>4864</v>
      </c>
      <c r="AG45" s="149">
        <v>33638</v>
      </c>
      <c r="AH45" s="149">
        <v>109</v>
      </c>
      <c r="AI45" s="152">
        <v>3217</v>
      </c>
      <c r="AJ45" s="148" t="s">
        <v>199</v>
      </c>
      <c r="AK45" s="149">
        <v>113</v>
      </c>
      <c r="AL45" s="149">
        <v>1389</v>
      </c>
      <c r="AM45" s="149">
        <v>0</v>
      </c>
      <c r="AN45" s="149">
        <v>0</v>
      </c>
      <c r="AO45" s="149">
        <v>5248</v>
      </c>
      <c r="AP45" s="149">
        <v>40962</v>
      </c>
      <c r="AQ45" s="149">
        <v>0</v>
      </c>
      <c r="AR45" s="152">
        <v>0</v>
      </c>
      <c r="AS45" s="149">
        <v>150263</v>
      </c>
      <c r="AT45" s="152">
        <v>2316326</v>
      </c>
      <c r="AU45" s="157">
        <v>1656320</v>
      </c>
      <c r="AV45" s="149">
        <v>577478</v>
      </c>
      <c r="AW45" s="149">
        <v>82527</v>
      </c>
      <c r="AX45" s="151">
        <v>2170</v>
      </c>
      <c r="AY45" s="152">
        <v>188188</v>
      </c>
      <c r="AZ45" s="157">
        <v>0</v>
      </c>
      <c r="BA45" s="152">
        <v>0</v>
      </c>
      <c r="BB45" s="148" t="s">
        <v>198</v>
      </c>
      <c r="BC45" s="157">
        <v>111</v>
      </c>
      <c r="BD45" s="149">
        <v>46068</v>
      </c>
      <c r="BE45" s="158" t="s">
        <v>84</v>
      </c>
      <c r="BF45" s="158" t="s">
        <v>84</v>
      </c>
      <c r="BG45" s="149">
        <v>26</v>
      </c>
      <c r="BH45" s="149">
        <v>2640</v>
      </c>
      <c r="BI45" s="149">
        <v>332</v>
      </c>
      <c r="BJ45" s="149">
        <v>25062</v>
      </c>
      <c r="BK45" s="149">
        <v>0</v>
      </c>
      <c r="BL45" s="149">
        <v>0</v>
      </c>
      <c r="BM45" s="149">
        <v>976</v>
      </c>
      <c r="BN45" s="150">
        <v>28088</v>
      </c>
      <c r="BO45" s="157">
        <v>1445</v>
      </c>
      <c r="BP45" s="149">
        <v>101858</v>
      </c>
      <c r="BQ45" s="156">
        <v>151708</v>
      </c>
      <c r="BR45" s="152">
        <v>2418184</v>
      </c>
      <c r="BS45" s="148" t="s">
        <v>198</v>
      </c>
      <c r="BT45" s="159">
        <v>0.875</v>
      </c>
      <c r="BU45" s="160">
        <v>50.631</v>
      </c>
      <c r="BV45" s="160">
        <v>12.54</v>
      </c>
      <c r="BW45" s="160">
        <v>587.54399999999998</v>
      </c>
      <c r="BX45" s="161">
        <v>9.94</v>
      </c>
      <c r="BY45" s="161">
        <v>1.45</v>
      </c>
      <c r="BZ45" s="161">
        <v>1.83</v>
      </c>
      <c r="CA45" s="161">
        <v>1.64</v>
      </c>
      <c r="CB45" s="162">
        <v>52565</v>
      </c>
      <c r="CC45" s="149">
        <v>12630</v>
      </c>
      <c r="CD45" s="149">
        <v>7012</v>
      </c>
      <c r="CE45" s="152">
        <v>14701</v>
      </c>
    </row>
    <row r="46" spans="2:83" s="184" customFormat="1" ht="15" customHeight="1" x14ac:dyDescent="0.15">
      <c r="B46" s="148" t="s">
        <v>200</v>
      </c>
      <c r="C46" s="149">
        <v>1363</v>
      </c>
      <c r="D46" s="149">
        <v>12959</v>
      </c>
      <c r="E46" s="149">
        <v>697021</v>
      </c>
      <c r="F46" s="149">
        <v>76677</v>
      </c>
      <c r="G46" s="149">
        <v>113956</v>
      </c>
      <c r="H46" s="150">
        <v>913293</v>
      </c>
      <c r="I46" s="149">
        <v>19260</v>
      </c>
      <c r="J46" s="149">
        <v>36139</v>
      </c>
      <c r="K46" s="149">
        <v>252000</v>
      </c>
      <c r="L46" s="149">
        <v>97300</v>
      </c>
      <c r="M46" s="149">
        <v>163054</v>
      </c>
      <c r="N46" s="149">
        <v>1862314</v>
      </c>
      <c r="O46" s="151">
        <v>51877</v>
      </c>
      <c r="P46" s="149">
        <v>62554</v>
      </c>
      <c r="Q46" s="152">
        <v>527990</v>
      </c>
      <c r="R46" s="148" t="s">
        <v>201</v>
      </c>
      <c r="S46" s="153">
        <v>1219</v>
      </c>
      <c r="T46" s="154">
        <v>29799</v>
      </c>
      <c r="U46" s="155">
        <v>19755</v>
      </c>
      <c r="V46" s="153">
        <v>86</v>
      </c>
      <c r="W46" s="154">
        <v>480</v>
      </c>
      <c r="X46" s="154">
        <v>5313</v>
      </c>
      <c r="Y46" s="149">
        <v>149263</v>
      </c>
      <c r="Z46" s="149">
        <v>2415372</v>
      </c>
      <c r="AA46" s="156">
        <v>5</v>
      </c>
      <c r="AB46" s="149">
        <v>68</v>
      </c>
      <c r="AC46" s="149">
        <v>1741</v>
      </c>
      <c r="AD46" s="149">
        <v>68</v>
      </c>
      <c r="AE46" s="149">
        <v>2845</v>
      </c>
      <c r="AF46" s="149">
        <v>4914</v>
      </c>
      <c r="AG46" s="149">
        <v>34353</v>
      </c>
      <c r="AH46" s="149">
        <v>102</v>
      </c>
      <c r="AI46" s="152">
        <v>3170</v>
      </c>
      <c r="AJ46" s="148" t="s">
        <v>200</v>
      </c>
      <c r="AK46" s="149">
        <v>125</v>
      </c>
      <c r="AL46" s="149">
        <v>1335</v>
      </c>
      <c r="AM46" s="149">
        <v>0</v>
      </c>
      <c r="AN46" s="149">
        <v>0</v>
      </c>
      <c r="AO46" s="149">
        <v>5277</v>
      </c>
      <c r="AP46" s="149">
        <v>43444</v>
      </c>
      <c r="AQ46" s="149">
        <v>0</v>
      </c>
      <c r="AR46" s="152">
        <v>0</v>
      </c>
      <c r="AS46" s="149">
        <v>154545</v>
      </c>
      <c r="AT46" s="152">
        <v>2458816</v>
      </c>
      <c r="AU46" s="157">
        <v>1759382</v>
      </c>
      <c r="AV46" s="149">
        <v>614429</v>
      </c>
      <c r="AW46" s="149">
        <v>85005</v>
      </c>
      <c r="AX46" s="151">
        <v>2183</v>
      </c>
      <c r="AY46" s="152">
        <v>174350</v>
      </c>
      <c r="AZ46" s="157">
        <v>0</v>
      </c>
      <c r="BA46" s="152">
        <v>0</v>
      </c>
      <c r="BB46" s="148" t="s">
        <v>169</v>
      </c>
      <c r="BC46" s="157">
        <v>114</v>
      </c>
      <c r="BD46" s="149">
        <v>46205</v>
      </c>
      <c r="BE46" s="158" t="s">
        <v>84</v>
      </c>
      <c r="BF46" s="158" t="s">
        <v>84</v>
      </c>
      <c r="BG46" s="149">
        <v>21</v>
      </c>
      <c r="BH46" s="149">
        <v>2190</v>
      </c>
      <c r="BI46" s="149">
        <v>366</v>
      </c>
      <c r="BJ46" s="149">
        <v>25904</v>
      </c>
      <c r="BK46" s="149">
        <v>2</v>
      </c>
      <c r="BL46" s="149">
        <v>403</v>
      </c>
      <c r="BM46" s="149">
        <v>1195</v>
      </c>
      <c r="BN46" s="150">
        <v>39716</v>
      </c>
      <c r="BO46" s="157">
        <v>1698</v>
      </c>
      <c r="BP46" s="149">
        <v>114418</v>
      </c>
      <c r="BQ46" s="156">
        <v>156243</v>
      </c>
      <c r="BR46" s="152">
        <v>2573234</v>
      </c>
      <c r="BS46" s="148" t="s">
        <v>200</v>
      </c>
      <c r="BT46" s="159">
        <v>0.92900000000000005</v>
      </c>
      <c r="BU46" s="160">
        <v>52.276000000000003</v>
      </c>
      <c r="BV46" s="160">
        <v>13.131</v>
      </c>
      <c r="BW46" s="160">
        <v>622.65200000000004</v>
      </c>
      <c r="BX46" s="161">
        <v>9.51</v>
      </c>
      <c r="BY46" s="161">
        <v>1.49</v>
      </c>
      <c r="BZ46" s="161">
        <v>1.88</v>
      </c>
      <c r="CA46" s="161">
        <v>1.68</v>
      </c>
      <c r="CB46" s="162">
        <v>55311</v>
      </c>
      <c r="CC46" s="149">
        <v>12648</v>
      </c>
      <c r="CD46" s="149">
        <v>6973</v>
      </c>
      <c r="CE46" s="152">
        <v>14770</v>
      </c>
    </row>
    <row r="47" spans="2:83" s="184" customFormat="1" ht="15" customHeight="1" x14ac:dyDescent="0.15">
      <c r="B47" s="148" t="s">
        <v>171</v>
      </c>
      <c r="C47" s="149">
        <v>1329</v>
      </c>
      <c r="D47" s="149">
        <v>12535</v>
      </c>
      <c r="E47" s="149">
        <v>708823</v>
      </c>
      <c r="F47" s="149">
        <v>75712</v>
      </c>
      <c r="G47" s="149">
        <v>111657</v>
      </c>
      <c r="H47" s="150">
        <v>887175</v>
      </c>
      <c r="I47" s="149">
        <v>18654</v>
      </c>
      <c r="J47" s="149">
        <v>34432</v>
      </c>
      <c r="K47" s="149">
        <v>244601</v>
      </c>
      <c r="L47" s="149">
        <v>95695</v>
      </c>
      <c r="M47" s="149">
        <v>158624</v>
      </c>
      <c r="N47" s="149">
        <v>1840599</v>
      </c>
      <c r="O47" s="151">
        <v>51821</v>
      </c>
      <c r="P47" s="149">
        <v>62965</v>
      </c>
      <c r="Q47" s="152">
        <v>516369</v>
      </c>
      <c r="R47" s="148" t="s">
        <v>202</v>
      </c>
      <c r="S47" s="153">
        <v>1190</v>
      </c>
      <c r="T47" s="154">
        <v>27935</v>
      </c>
      <c r="U47" s="155">
        <v>18522</v>
      </c>
      <c r="V47" s="153">
        <v>79</v>
      </c>
      <c r="W47" s="154">
        <v>428</v>
      </c>
      <c r="X47" s="154">
        <v>4670</v>
      </c>
      <c r="Y47" s="149">
        <v>147595</v>
      </c>
      <c r="Z47" s="149">
        <v>2380160</v>
      </c>
      <c r="AA47" s="156">
        <v>8</v>
      </c>
      <c r="AB47" s="149">
        <v>88</v>
      </c>
      <c r="AC47" s="149">
        <v>755</v>
      </c>
      <c r="AD47" s="149">
        <v>95</v>
      </c>
      <c r="AE47" s="149">
        <v>3706</v>
      </c>
      <c r="AF47" s="149">
        <v>5211</v>
      </c>
      <c r="AG47" s="149">
        <v>35524</v>
      </c>
      <c r="AH47" s="149">
        <v>107</v>
      </c>
      <c r="AI47" s="152">
        <v>3203</v>
      </c>
      <c r="AJ47" s="148" t="s">
        <v>203</v>
      </c>
      <c r="AK47" s="149">
        <v>129</v>
      </c>
      <c r="AL47" s="149">
        <v>1352</v>
      </c>
      <c r="AM47" s="149">
        <v>0</v>
      </c>
      <c r="AN47" s="149">
        <v>0</v>
      </c>
      <c r="AO47" s="149">
        <v>5630</v>
      </c>
      <c r="AP47" s="149">
        <v>44540</v>
      </c>
      <c r="AQ47" s="149">
        <v>0</v>
      </c>
      <c r="AR47" s="152">
        <v>0</v>
      </c>
      <c r="AS47" s="149">
        <v>153233</v>
      </c>
      <c r="AT47" s="152">
        <v>2424700</v>
      </c>
      <c r="AU47" s="157">
        <v>1737128</v>
      </c>
      <c r="AV47" s="149">
        <v>600518</v>
      </c>
      <c r="AW47" s="149">
        <v>87054</v>
      </c>
      <c r="AX47" s="151">
        <v>2044</v>
      </c>
      <c r="AY47" s="152">
        <v>164213</v>
      </c>
      <c r="AZ47" s="157">
        <v>0</v>
      </c>
      <c r="BA47" s="152">
        <v>0</v>
      </c>
      <c r="BB47" s="148" t="s">
        <v>204</v>
      </c>
      <c r="BC47" s="157">
        <v>112</v>
      </c>
      <c r="BD47" s="149">
        <v>46524</v>
      </c>
      <c r="BE47" s="158" t="s">
        <v>84</v>
      </c>
      <c r="BF47" s="158" t="s">
        <v>84</v>
      </c>
      <c r="BG47" s="149">
        <v>17</v>
      </c>
      <c r="BH47" s="149">
        <v>1640</v>
      </c>
      <c r="BI47" s="149">
        <v>340</v>
      </c>
      <c r="BJ47" s="149">
        <v>26709</v>
      </c>
      <c r="BK47" s="149">
        <v>0</v>
      </c>
      <c r="BL47" s="149">
        <v>0</v>
      </c>
      <c r="BM47" s="149">
        <v>953</v>
      </c>
      <c r="BN47" s="150">
        <v>26587</v>
      </c>
      <c r="BO47" s="157">
        <v>1422</v>
      </c>
      <c r="BP47" s="149">
        <v>101460</v>
      </c>
      <c r="BQ47" s="156">
        <v>154655</v>
      </c>
      <c r="BR47" s="152">
        <v>2526160</v>
      </c>
      <c r="BS47" s="148" t="s">
        <v>205</v>
      </c>
      <c r="BT47" s="159">
        <v>0.91</v>
      </c>
      <c r="BU47" s="160">
        <v>51.844999999999999</v>
      </c>
      <c r="BV47" s="160">
        <v>12.773999999999999</v>
      </c>
      <c r="BW47" s="160">
        <v>607.50400000000002</v>
      </c>
      <c r="BX47" s="161">
        <v>9.43</v>
      </c>
      <c r="BY47" s="161">
        <v>1.47</v>
      </c>
      <c r="BZ47" s="161">
        <v>1.85</v>
      </c>
      <c r="CA47" s="161">
        <v>1.66</v>
      </c>
      <c r="CB47" s="162">
        <v>58025</v>
      </c>
      <c r="CC47" s="149">
        <v>12570</v>
      </c>
      <c r="CD47" s="149">
        <v>7104</v>
      </c>
      <c r="CE47" s="152">
        <v>14965</v>
      </c>
    </row>
    <row r="48" spans="2:83" s="184" customFormat="1" ht="15" customHeight="1" x14ac:dyDescent="0.15">
      <c r="B48" s="148" t="s">
        <v>206</v>
      </c>
      <c r="C48" s="149">
        <v>1413</v>
      </c>
      <c r="D48" s="149">
        <v>13468</v>
      </c>
      <c r="E48" s="149">
        <v>771716</v>
      </c>
      <c r="F48" s="149">
        <v>70463</v>
      </c>
      <c r="G48" s="149">
        <v>101266</v>
      </c>
      <c r="H48" s="150">
        <v>841757</v>
      </c>
      <c r="I48" s="149">
        <v>17795</v>
      </c>
      <c r="J48" s="149">
        <v>31820</v>
      </c>
      <c r="K48" s="149">
        <v>221865</v>
      </c>
      <c r="L48" s="149">
        <v>89671</v>
      </c>
      <c r="M48" s="149">
        <v>146554</v>
      </c>
      <c r="N48" s="149">
        <v>1835338</v>
      </c>
      <c r="O48" s="151">
        <v>47910</v>
      </c>
      <c r="P48" s="149">
        <v>57112</v>
      </c>
      <c r="Q48" s="152">
        <v>489092</v>
      </c>
      <c r="R48" s="148" t="s">
        <v>207</v>
      </c>
      <c r="S48" s="153">
        <v>1292</v>
      </c>
      <c r="T48" s="154">
        <v>30840</v>
      </c>
      <c r="U48" s="155">
        <v>20549</v>
      </c>
      <c r="V48" s="153">
        <v>82</v>
      </c>
      <c r="W48" s="154">
        <v>436</v>
      </c>
      <c r="X48" s="154">
        <v>4796</v>
      </c>
      <c r="Y48" s="149">
        <v>137663</v>
      </c>
      <c r="Z48" s="149">
        <v>2349775</v>
      </c>
      <c r="AA48" s="156">
        <v>1</v>
      </c>
      <c r="AB48" s="149">
        <v>84</v>
      </c>
      <c r="AC48" s="149">
        <v>903</v>
      </c>
      <c r="AD48" s="149">
        <v>79</v>
      </c>
      <c r="AE48" s="149">
        <v>3213</v>
      </c>
      <c r="AF48" s="149">
        <v>5266</v>
      </c>
      <c r="AG48" s="149">
        <v>35787</v>
      </c>
      <c r="AH48" s="149">
        <v>100</v>
      </c>
      <c r="AI48" s="152">
        <v>3275</v>
      </c>
      <c r="AJ48" s="148" t="s">
        <v>208</v>
      </c>
      <c r="AK48" s="149">
        <v>105</v>
      </c>
      <c r="AL48" s="149">
        <v>1302</v>
      </c>
      <c r="AM48" s="149">
        <v>0</v>
      </c>
      <c r="AN48" s="149">
        <v>0</v>
      </c>
      <c r="AO48" s="149">
        <v>5634</v>
      </c>
      <c r="AP48" s="149">
        <v>44480</v>
      </c>
      <c r="AQ48" s="149">
        <v>0</v>
      </c>
      <c r="AR48" s="152">
        <v>0</v>
      </c>
      <c r="AS48" s="149">
        <v>143298</v>
      </c>
      <c r="AT48" s="152">
        <v>2394255</v>
      </c>
      <c r="AU48" s="157">
        <v>1712840</v>
      </c>
      <c r="AV48" s="149">
        <v>604146</v>
      </c>
      <c r="AW48" s="149">
        <v>77268</v>
      </c>
      <c r="AX48" s="151">
        <v>2116</v>
      </c>
      <c r="AY48" s="152">
        <v>170365</v>
      </c>
      <c r="AZ48" s="157">
        <v>0</v>
      </c>
      <c r="BA48" s="152">
        <v>0</v>
      </c>
      <c r="BB48" s="148" t="s">
        <v>208</v>
      </c>
      <c r="BC48" s="157">
        <v>118</v>
      </c>
      <c r="BD48" s="149">
        <v>48583</v>
      </c>
      <c r="BE48" s="158" t="s">
        <v>84</v>
      </c>
      <c r="BF48" s="158" t="s">
        <v>84</v>
      </c>
      <c r="BG48" s="149">
        <v>24</v>
      </c>
      <c r="BH48" s="149">
        <v>2030</v>
      </c>
      <c r="BI48" s="149">
        <v>319</v>
      </c>
      <c r="BJ48" s="149">
        <v>27229</v>
      </c>
      <c r="BK48" s="149">
        <v>1</v>
      </c>
      <c r="BL48" s="149">
        <v>162</v>
      </c>
      <c r="BM48" s="149">
        <v>947</v>
      </c>
      <c r="BN48" s="150">
        <v>27201</v>
      </c>
      <c r="BO48" s="157">
        <v>1409</v>
      </c>
      <c r="BP48" s="149">
        <v>105205</v>
      </c>
      <c r="BQ48" s="156">
        <v>144707</v>
      </c>
      <c r="BR48" s="152">
        <v>2499460</v>
      </c>
      <c r="BS48" s="148" t="s">
        <v>206</v>
      </c>
      <c r="BT48" s="159">
        <v>0.96899999999999997</v>
      </c>
      <c r="BU48" s="160">
        <v>48.34</v>
      </c>
      <c r="BV48" s="160">
        <v>12.208</v>
      </c>
      <c r="BW48" s="160">
        <v>577.47500000000002</v>
      </c>
      <c r="BX48" s="161">
        <v>9.5299999999999994</v>
      </c>
      <c r="BY48" s="161">
        <v>1.44</v>
      </c>
      <c r="BZ48" s="161">
        <v>1.79</v>
      </c>
      <c r="CA48" s="161">
        <v>1.63</v>
      </c>
      <c r="CB48" s="162">
        <v>58826</v>
      </c>
      <c r="CC48" s="149">
        <v>13142</v>
      </c>
      <c r="CD48" s="149">
        <v>6973</v>
      </c>
      <c r="CE48" s="152">
        <v>15986</v>
      </c>
    </row>
    <row r="49" spans="2:83" s="184" customFormat="1" ht="15" customHeight="1" x14ac:dyDescent="0.15">
      <c r="B49" s="148" t="s">
        <v>209</v>
      </c>
      <c r="C49" s="149">
        <v>1318</v>
      </c>
      <c r="D49" s="149">
        <v>12698</v>
      </c>
      <c r="E49" s="149">
        <v>696516</v>
      </c>
      <c r="F49" s="149">
        <v>72629</v>
      </c>
      <c r="G49" s="149">
        <v>106209</v>
      </c>
      <c r="H49" s="150">
        <v>871806</v>
      </c>
      <c r="I49" s="149">
        <v>17700</v>
      </c>
      <c r="J49" s="149">
        <v>32521</v>
      </c>
      <c r="K49" s="149">
        <v>228960</v>
      </c>
      <c r="L49" s="149">
        <v>91647</v>
      </c>
      <c r="M49" s="149">
        <v>151428</v>
      </c>
      <c r="N49" s="149">
        <v>1797282</v>
      </c>
      <c r="O49" s="151">
        <v>49946</v>
      </c>
      <c r="P49" s="149">
        <v>60034</v>
      </c>
      <c r="Q49" s="152">
        <v>499546</v>
      </c>
      <c r="R49" s="148" t="s">
        <v>210</v>
      </c>
      <c r="S49" s="153">
        <v>1185</v>
      </c>
      <c r="T49" s="154">
        <v>29448</v>
      </c>
      <c r="U49" s="155">
        <v>19590</v>
      </c>
      <c r="V49" s="153">
        <v>79</v>
      </c>
      <c r="W49" s="154">
        <v>411</v>
      </c>
      <c r="X49" s="154">
        <v>4587</v>
      </c>
      <c r="Y49" s="149">
        <v>141672</v>
      </c>
      <c r="Z49" s="149">
        <v>2321005</v>
      </c>
      <c r="AA49" s="156">
        <v>20</v>
      </c>
      <c r="AB49" s="149">
        <v>66</v>
      </c>
      <c r="AC49" s="149">
        <v>622</v>
      </c>
      <c r="AD49" s="149">
        <v>66</v>
      </c>
      <c r="AE49" s="149">
        <v>2999</v>
      </c>
      <c r="AF49" s="149">
        <v>5225</v>
      </c>
      <c r="AG49" s="149">
        <v>36163</v>
      </c>
      <c r="AH49" s="149">
        <v>101</v>
      </c>
      <c r="AI49" s="152">
        <v>2852</v>
      </c>
      <c r="AJ49" s="148" t="s">
        <v>211</v>
      </c>
      <c r="AK49" s="149">
        <v>112</v>
      </c>
      <c r="AL49" s="149">
        <v>1421</v>
      </c>
      <c r="AM49" s="149">
        <v>0</v>
      </c>
      <c r="AN49" s="149">
        <v>0</v>
      </c>
      <c r="AO49" s="149">
        <v>5570</v>
      </c>
      <c r="AP49" s="149">
        <v>44057</v>
      </c>
      <c r="AQ49" s="149">
        <v>0</v>
      </c>
      <c r="AR49" s="152">
        <v>0</v>
      </c>
      <c r="AS49" s="149">
        <v>147262</v>
      </c>
      <c r="AT49" s="152">
        <v>2365062</v>
      </c>
      <c r="AU49" s="157">
        <v>1693656</v>
      </c>
      <c r="AV49" s="149">
        <v>591571</v>
      </c>
      <c r="AW49" s="149">
        <v>79833</v>
      </c>
      <c r="AX49" s="151">
        <v>2020</v>
      </c>
      <c r="AY49" s="152">
        <v>166773</v>
      </c>
      <c r="AZ49" s="157">
        <v>0</v>
      </c>
      <c r="BA49" s="152">
        <v>0</v>
      </c>
      <c r="BB49" s="148" t="s">
        <v>210</v>
      </c>
      <c r="BC49" s="157">
        <v>119</v>
      </c>
      <c r="BD49" s="149">
        <v>49965</v>
      </c>
      <c r="BE49" s="158" t="s">
        <v>84</v>
      </c>
      <c r="BF49" s="158" t="s">
        <v>84</v>
      </c>
      <c r="BG49" s="149">
        <v>26</v>
      </c>
      <c r="BH49" s="149">
        <v>2490</v>
      </c>
      <c r="BI49" s="149">
        <v>302</v>
      </c>
      <c r="BJ49" s="149">
        <v>24472</v>
      </c>
      <c r="BK49" s="149">
        <v>2</v>
      </c>
      <c r="BL49" s="149">
        <v>249</v>
      </c>
      <c r="BM49" s="149">
        <v>1093</v>
      </c>
      <c r="BN49" s="150">
        <v>32305</v>
      </c>
      <c r="BO49" s="157">
        <v>1542</v>
      </c>
      <c r="BP49" s="149">
        <v>109481</v>
      </c>
      <c r="BQ49" s="156">
        <v>148804</v>
      </c>
      <c r="BR49" s="152">
        <v>2474543</v>
      </c>
      <c r="BS49" s="148" t="s">
        <v>212</v>
      </c>
      <c r="BT49" s="159">
        <v>0.90700000000000003</v>
      </c>
      <c r="BU49" s="160">
        <v>50.006</v>
      </c>
      <c r="BV49" s="160">
        <v>12.186999999999999</v>
      </c>
      <c r="BW49" s="160">
        <v>600.24400000000003</v>
      </c>
      <c r="BX49" s="161">
        <v>9.6300000000000008</v>
      </c>
      <c r="BY49" s="161">
        <v>1.46</v>
      </c>
      <c r="BZ49" s="161">
        <v>1.84</v>
      </c>
      <c r="CA49" s="161">
        <v>1.65</v>
      </c>
      <c r="CB49" s="162">
        <v>56395</v>
      </c>
      <c r="CC49" s="149">
        <v>12912</v>
      </c>
      <c r="CD49" s="149">
        <v>7040</v>
      </c>
      <c r="CE49" s="152">
        <v>15286</v>
      </c>
    </row>
    <row r="50" spans="2:83" s="184" customFormat="1" ht="15" customHeight="1" x14ac:dyDescent="0.15">
      <c r="B50" s="148" t="s">
        <v>213</v>
      </c>
      <c r="C50" s="149">
        <v>1376</v>
      </c>
      <c r="D50" s="149">
        <v>13302</v>
      </c>
      <c r="E50" s="149">
        <v>729133</v>
      </c>
      <c r="F50" s="149">
        <v>75249</v>
      </c>
      <c r="G50" s="149">
        <v>111071</v>
      </c>
      <c r="H50" s="150">
        <v>871622</v>
      </c>
      <c r="I50" s="149">
        <v>18103</v>
      </c>
      <c r="J50" s="149">
        <v>33511</v>
      </c>
      <c r="K50" s="149">
        <v>233573</v>
      </c>
      <c r="L50" s="149">
        <v>94728</v>
      </c>
      <c r="M50" s="149">
        <v>157884</v>
      </c>
      <c r="N50" s="149">
        <v>1834328</v>
      </c>
      <c r="O50" s="151">
        <v>52480</v>
      </c>
      <c r="P50" s="149">
        <v>64755</v>
      </c>
      <c r="Q50" s="152">
        <v>515054</v>
      </c>
      <c r="R50" s="148" t="s">
        <v>214</v>
      </c>
      <c r="S50" s="153">
        <v>1245</v>
      </c>
      <c r="T50" s="154">
        <v>30005</v>
      </c>
      <c r="U50" s="155">
        <v>20053</v>
      </c>
      <c r="V50" s="153">
        <v>99</v>
      </c>
      <c r="W50" s="154">
        <v>535</v>
      </c>
      <c r="X50" s="154">
        <v>6176</v>
      </c>
      <c r="Y50" s="149">
        <v>147307</v>
      </c>
      <c r="Z50" s="149">
        <v>2375611</v>
      </c>
      <c r="AA50" s="156">
        <v>8</v>
      </c>
      <c r="AB50" s="149">
        <v>48</v>
      </c>
      <c r="AC50" s="149">
        <v>397</v>
      </c>
      <c r="AD50" s="149">
        <v>66</v>
      </c>
      <c r="AE50" s="149">
        <v>2076</v>
      </c>
      <c r="AF50" s="149">
        <v>5040</v>
      </c>
      <c r="AG50" s="149">
        <v>33471</v>
      </c>
      <c r="AH50" s="149">
        <v>84</v>
      </c>
      <c r="AI50" s="152">
        <v>2696</v>
      </c>
      <c r="AJ50" s="148" t="s">
        <v>215</v>
      </c>
      <c r="AK50" s="149">
        <v>97</v>
      </c>
      <c r="AL50" s="149">
        <v>1087</v>
      </c>
      <c r="AM50" s="149">
        <v>0</v>
      </c>
      <c r="AN50" s="149">
        <v>0</v>
      </c>
      <c r="AO50" s="149">
        <v>5335</v>
      </c>
      <c r="AP50" s="149">
        <v>39727</v>
      </c>
      <c r="AQ50" s="149">
        <v>0</v>
      </c>
      <c r="AR50" s="152">
        <v>0</v>
      </c>
      <c r="AS50" s="149">
        <v>152650</v>
      </c>
      <c r="AT50" s="152">
        <v>2415338</v>
      </c>
      <c r="AU50" s="157">
        <v>1733354</v>
      </c>
      <c r="AV50" s="149">
        <v>595822</v>
      </c>
      <c r="AW50" s="149">
        <v>86159</v>
      </c>
      <c r="AX50" s="151">
        <v>2080</v>
      </c>
      <c r="AY50" s="152">
        <v>179449</v>
      </c>
      <c r="AZ50" s="157">
        <v>0</v>
      </c>
      <c r="BA50" s="152">
        <v>0</v>
      </c>
      <c r="BB50" s="148" t="s">
        <v>213</v>
      </c>
      <c r="BC50" s="157">
        <v>112</v>
      </c>
      <c r="BD50" s="149">
        <v>46719</v>
      </c>
      <c r="BE50" s="158" t="s">
        <v>84</v>
      </c>
      <c r="BF50" s="158" t="s">
        <v>84</v>
      </c>
      <c r="BG50" s="149">
        <v>29</v>
      </c>
      <c r="BH50" s="149">
        <v>3170</v>
      </c>
      <c r="BI50" s="149">
        <v>317</v>
      </c>
      <c r="BJ50" s="149">
        <v>25487</v>
      </c>
      <c r="BK50" s="149">
        <v>2</v>
      </c>
      <c r="BL50" s="149">
        <v>430</v>
      </c>
      <c r="BM50" s="149">
        <v>940</v>
      </c>
      <c r="BN50" s="150">
        <v>25488</v>
      </c>
      <c r="BO50" s="157">
        <v>1400</v>
      </c>
      <c r="BP50" s="149">
        <v>101294</v>
      </c>
      <c r="BQ50" s="156">
        <v>154050</v>
      </c>
      <c r="BR50" s="152">
        <v>2516632</v>
      </c>
      <c r="BS50" s="148" t="s">
        <v>213</v>
      </c>
      <c r="BT50" s="159">
        <v>0.95099999999999996</v>
      </c>
      <c r="BU50" s="160">
        <v>52.011000000000003</v>
      </c>
      <c r="BV50" s="160">
        <v>12.513</v>
      </c>
      <c r="BW50" s="160">
        <v>602.452</v>
      </c>
      <c r="BX50" s="161">
        <v>9.67</v>
      </c>
      <c r="BY50" s="161">
        <v>1.48</v>
      </c>
      <c r="BZ50" s="161">
        <v>1.85</v>
      </c>
      <c r="CA50" s="161">
        <v>1.67</v>
      </c>
      <c r="CB50" s="162">
        <v>56321</v>
      </c>
      <c r="CC50" s="149">
        <v>12485</v>
      </c>
      <c r="CD50" s="149">
        <v>6970</v>
      </c>
      <c r="CE50" s="152">
        <v>14996</v>
      </c>
    </row>
    <row r="51" spans="2:83" s="184" customFormat="1" ht="15" customHeight="1" x14ac:dyDescent="0.15">
      <c r="B51" s="148" t="s">
        <v>216</v>
      </c>
      <c r="C51" s="149">
        <v>1358</v>
      </c>
      <c r="D51" s="149">
        <v>13329</v>
      </c>
      <c r="E51" s="149">
        <v>731888</v>
      </c>
      <c r="F51" s="149">
        <v>75174</v>
      </c>
      <c r="G51" s="149">
        <v>109875</v>
      </c>
      <c r="H51" s="150">
        <v>871569</v>
      </c>
      <c r="I51" s="149">
        <v>17851</v>
      </c>
      <c r="J51" s="149">
        <v>33110</v>
      </c>
      <c r="K51" s="149">
        <v>231018</v>
      </c>
      <c r="L51" s="149">
        <v>94383</v>
      </c>
      <c r="M51" s="149">
        <v>156314</v>
      </c>
      <c r="N51" s="149">
        <v>1834475</v>
      </c>
      <c r="O51" s="151">
        <v>52343</v>
      </c>
      <c r="P51" s="149">
        <v>63993</v>
      </c>
      <c r="Q51" s="152">
        <v>517980</v>
      </c>
      <c r="R51" s="148" t="s">
        <v>216</v>
      </c>
      <c r="S51" s="153">
        <v>1244</v>
      </c>
      <c r="T51" s="154">
        <v>30811</v>
      </c>
      <c r="U51" s="155">
        <v>20368</v>
      </c>
      <c r="V51" s="153">
        <v>93</v>
      </c>
      <c r="W51" s="154">
        <v>491</v>
      </c>
      <c r="X51" s="154">
        <v>5498</v>
      </c>
      <c r="Y51" s="149">
        <v>146819</v>
      </c>
      <c r="Z51" s="149">
        <v>2378321</v>
      </c>
      <c r="AA51" s="156">
        <v>11</v>
      </c>
      <c r="AB51" s="149">
        <v>59</v>
      </c>
      <c r="AC51" s="149">
        <v>1764</v>
      </c>
      <c r="AD51" s="149">
        <v>59</v>
      </c>
      <c r="AE51" s="149">
        <v>3383</v>
      </c>
      <c r="AF51" s="149">
        <v>5053</v>
      </c>
      <c r="AG51" s="149">
        <v>33738</v>
      </c>
      <c r="AH51" s="149">
        <v>95</v>
      </c>
      <c r="AI51" s="152">
        <v>3087</v>
      </c>
      <c r="AJ51" s="148" t="s">
        <v>216</v>
      </c>
      <c r="AK51" s="149">
        <v>111</v>
      </c>
      <c r="AL51" s="149">
        <v>1250</v>
      </c>
      <c r="AM51" s="149">
        <v>0</v>
      </c>
      <c r="AN51" s="149">
        <v>0</v>
      </c>
      <c r="AO51" s="149">
        <v>5377</v>
      </c>
      <c r="AP51" s="149">
        <v>43222</v>
      </c>
      <c r="AQ51" s="149">
        <v>0</v>
      </c>
      <c r="AR51" s="152">
        <v>0</v>
      </c>
      <c r="AS51" s="149">
        <v>152207</v>
      </c>
      <c r="AT51" s="152">
        <v>2421543</v>
      </c>
      <c r="AU51" s="157">
        <v>1734638</v>
      </c>
      <c r="AV51" s="149">
        <v>596850</v>
      </c>
      <c r="AW51" s="149">
        <v>90056</v>
      </c>
      <c r="AX51" s="151">
        <v>2056</v>
      </c>
      <c r="AY51" s="152">
        <v>179266</v>
      </c>
      <c r="AZ51" s="157">
        <v>0</v>
      </c>
      <c r="BA51" s="152">
        <v>0</v>
      </c>
      <c r="BB51" s="148" t="s">
        <v>216</v>
      </c>
      <c r="BC51" s="157">
        <v>109</v>
      </c>
      <c r="BD51" s="149">
        <v>45544</v>
      </c>
      <c r="BE51" s="158" t="s">
        <v>84</v>
      </c>
      <c r="BF51" s="158" t="s">
        <v>84</v>
      </c>
      <c r="BG51" s="149">
        <v>27</v>
      </c>
      <c r="BH51" s="149">
        <v>2970</v>
      </c>
      <c r="BI51" s="149">
        <v>328</v>
      </c>
      <c r="BJ51" s="149">
        <v>23542</v>
      </c>
      <c r="BK51" s="149">
        <v>1</v>
      </c>
      <c r="BL51" s="149">
        <v>120</v>
      </c>
      <c r="BM51" s="149">
        <v>930</v>
      </c>
      <c r="BN51" s="150">
        <v>26635</v>
      </c>
      <c r="BO51" s="157">
        <v>1395</v>
      </c>
      <c r="BP51" s="149">
        <v>98811</v>
      </c>
      <c r="BQ51" s="156">
        <v>153602</v>
      </c>
      <c r="BR51" s="152">
        <v>2520354</v>
      </c>
      <c r="BS51" s="148" t="s">
        <v>217</v>
      </c>
      <c r="BT51" s="159">
        <v>0.95199999999999996</v>
      </c>
      <c r="BU51" s="160">
        <v>52.692999999999998</v>
      </c>
      <c r="BV51" s="160">
        <v>12.513</v>
      </c>
      <c r="BW51" s="160">
        <v>610.92399999999998</v>
      </c>
      <c r="BX51" s="161">
        <v>9.82</v>
      </c>
      <c r="BY51" s="161">
        <v>1.46</v>
      </c>
      <c r="BZ51" s="161">
        <v>1.85</v>
      </c>
      <c r="CA51" s="161">
        <v>1.66</v>
      </c>
      <c r="CB51" s="162">
        <v>56438</v>
      </c>
      <c r="CC51" s="149">
        <v>12647</v>
      </c>
      <c r="CD51" s="149">
        <v>6977</v>
      </c>
      <c r="CE51" s="152">
        <v>15167</v>
      </c>
    </row>
    <row r="52" spans="2:83" s="184" customFormat="1" ht="15" customHeight="1" x14ac:dyDescent="0.15">
      <c r="B52" s="148" t="s">
        <v>187</v>
      </c>
      <c r="C52" s="149">
        <v>1193</v>
      </c>
      <c r="D52" s="149">
        <v>12044</v>
      </c>
      <c r="E52" s="149">
        <v>625445</v>
      </c>
      <c r="F52" s="149">
        <v>77020</v>
      </c>
      <c r="G52" s="149">
        <v>110881</v>
      </c>
      <c r="H52" s="150">
        <v>883462</v>
      </c>
      <c r="I52" s="149">
        <v>18349</v>
      </c>
      <c r="J52" s="149">
        <v>32522</v>
      </c>
      <c r="K52" s="149">
        <v>227546</v>
      </c>
      <c r="L52" s="149">
        <v>96562</v>
      </c>
      <c r="M52" s="149">
        <v>155447</v>
      </c>
      <c r="N52" s="149">
        <v>1736453</v>
      </c>
      <c r="O52" s="151">
        <v>54669</v>
      </c>
      <c r="P52" s="149">
        <v>66540</v>
      </c>
      <c r="Q52" s="152">
        <v>551306</v>
      </c>
      <c r="R52" s="148" t="s">
        <v>218</v>
      </c>
      <c r="S52" s="153">
        <v>1082</v>
      </c>
      <c r="T52" s="154">
        <v>27601</v>
      </c>
      <c r="U52" s="155">
        <v>18243</v>
      </c>
      <c r="V52" s="153">
        <v>87</v>
      </c>
      <c r="W52" s="154">
        <v>491</v>
      </c>
      <c r="X52" s="154">
        <v>5567</v>
      </c>
      <c r="Y52" s="149">
        <v>151318</v>
      </c>
      <c r="Z52" s="149">
        <v>2311569</v>
      </c>
      <c r="AA52" s="156">
        <v>12</v>
      </c>
      <c r="AB52" s="149">
        <v>72</v>
      </c>
      <c r="AC52" s="149">
        <v>711</v>
      </c>
      <c r="AD52" s="149">
        <v>77</v>
      </c>
      <c r="AE52" s="149">
        <v>2639</v>
      </c>
      <c r="AF52" s="149">
        <v>5034</v>
      </c>
      <c r="AG52" s="149">
        <v>34202</v>
      </c>
      <c r="AH52" s="149">
        <v>82</v>
      </c>
      <c r="AI52" s="152">
        <v>2738</v>
      </c>
      <c r="AJ52" s="148" t="s">
        <v>219</v>
      </c>
      <c r="AK52" s="149">
        <v>101</v>
      </c>
      <c r="AL52" s="149">
        <v>1291</v>
      </c>
      <c r="AM52" s="149">
        <v>0</v>
      </c>
      <c r="AN52" s="149">
        <v>0</v>
      </c>
      <c r="AO52" s="149">
        <v>5366</v>
      </c>
      <c r="AP52" s="149">
        <v>41581</v>
      </c>
      <c r="AQ52" s="149">
        <v>1</v>
      </c>
      <c r="AR52" s="152">
        <v>50</v>
      </c>
      <c r="AS52" s="149">
        <v>156697</v>
      </c>
      <c r="AT52" s="152">
        <v>2353200</v>
      </c>
      <c r="AU52" s="157">
        <v>1685945</v>
      </c>
      <c r="AV52" s="149">
        <v>579538</v>
      </c>
      <c r="AW52" s="149">
        <v>87716</v>
      </c>
      <c r="AX52" s="151">
        <v>2039</v>
      </c>
      <c r="AY52" s="152">
        <v>175347</v>
      </c>
      <c r="AZ52" s="157">
        <v>2</v>
      </c>
      <c r="BA52" s="152">
        <v>105</v>
      </c>
      <c r="BB52" s="148" t="s">
        <v>219</v>
      </c>
      <c r="BC52" s="157">
        <v>117</v>
      </c>
      <c r="BD52" s="149">
        <v>48749</v>
      </c>
      <c r="BE52" s="158" t="s">
        <v>84</v>
      </c>
      <c r="BF52" s="158" t="s">
        <v>84</v>
      </c>
      <c r="BG52" s="149">
        <v>22</v>
      </c>
      <c r="BH52" s="149">
        <v>2030</v>
      </c>
      <c r="BI52" s="149">
        <v>290</v>
      </c>
      <c r="BJ52" s="149">
        <v>23567</v>
      </c>
      <c r="BK52" s="149">
        <v>4</v>
      </c>
      <c r="BL52" s="149">
        <v>802</v>
      </c>
      <c r="BM52" s="149">
        <v>952</v>
      </c>
      <c r="BN52" s="150">
        <v>26196</v>
      </c>
      <c r="BO52" s="157">
        <v>1385</v>
      </c>
      <c r="BP52" s="149">
        <v>101344</v>
      </c>
      <c r="BQ52" s="156">
        <v>158082</v>
      </c>
      <c r="BR52" s="152">
        <v>2454544</v>
      </c>
      <c r="BS52" s="148" t="s">
        <v>219</v>
      </c>
      <c r="BT52" s="159">
        <v>0.83799999999999997</v>
      </c>
      <c r="BU52" s="160">
        <v>54.097000000000001</v>
      </c>
      <c r="BV52" s="160">
        <v>12.888</v>
      </c>
      <c r="BW52" s="160">
        <v>620.52599999999995</v>
      </c>
      <c r="BX52" s="161">
        <v>10.1</v>
      </c>
      <c r="BY52" s="161">
        <v>1.44</v>
      </c>
      <c r="BZ52" s="161">
        <v>1.77</v>
      </c>
      <c r="CA52" s="161">
        <v>1.61</v>
      </c>
      <c r="CB52" s="162">
        <v>53445</v>
      </c>
      <c r="CC52" s="149">
        <v>12940</v>
      </c>
      <c r="CD52" s="149">
        <v>6997</v>
      </c>
      <c r="CE52" s="152">
        <v>14824</v>
      </c>
    </row>
    <row r="53" spans="2:83" s="184" customFormat="1" ht="15" customHeight="1" x14ac:dyDescent="0.15">
      <c r="B53" s="163" t="s">
        <v>220</v>
      </c>
      <c r="C53" s="185">
        <v>1167</v>
      </c>
      <c r="D53" s="149">
        <v>11795</v>
      </c>
      <c r="E53" s="149">
        <v>656806</v>
      </c>
      <c r="F53" s="149">
        <v>74339</v>
      </c>
      <c r="G53" s="149">
        <v>104022</v>
      </c>
      <c r="H53" s="150">
        <v>875108</v>
      </c>
      <c r="I53" s="149">
        <v>16997</v>
      </c>
      <c r="J53" s="149">
        <v>30133</v>
      </c>
      <c r="K53" s="149">
        <v>205743</v>
      </c>
      <c r="L53" s="149">
        <v>92503</v>
      </c>
      <c r="M53" s="149">
        <v>145950</v>
      </c>
      <c r="N53" s="149">
        <v>1737657</v>
      </c>
      <c r="O53" s="151">
        <v>52008</v>
      </c>
      <c r="P53" s="149">
        <v>61145</v>
      </c>
      <c r="Q53" s="152">
        <v>496977</v>
      </c>
      <c r="R53" s="163" t="s">
        <v>221</v>
      </c>
      <c r="S53" s="153">
        <v>1048</v>
      </c>
      <c r="T53" s="154">
        <v>26821</v>
      </c>
      <c r="U53" s="155">
        <v>17770</v>
      </c>
      <c r="V53" s="153">
        <v>94</v>
      </c>
      <c r="W53" s="154">
        <v>461</v>
      </c>
      <c r="X53" s="154">
        <v>5318</v>
      </c>
      <c r="Y53" s="149">
        <v>144605</v>
      </c>
      <c r="Z53" s="149">
        <v>2257722</v>
      </c>
      <c r="AA53" s="156">
        <v>2</v>
      </c>
      <c r="AB53" s="149">
        <v>64</v>
      </c>
      <c r="AC53" s="149">
        <v>865</v>
      </c>
      <c r="AD53" s="149">
        <v>61</v>
      </c>
      <c r="AE53" s="149">
        <v>2401</v>
      </c>
      <c r="AF53" s="149">
        <v>4755</v>
      </c>
      <c r="AG53" s="149">
        <v>33150</v>
      </c>
      <c r="AH53" s="149">
        <v>81</v>
      </c>
      <c r="AI53" s="152">
        <v>2642</v>
      </c>
      <c r="AJ53" s="163" t="s">
        <v>220</v>
      </c>
      <c r="AK53" s="149">
        <v>130</v>
      </c>
      <c r="AL53" s="149">
        <v>1587</v>
      </c>
      <c r="AM53" s="149">
        <v>0</v>
      </c>
      <c r="AN53" s="149">
        <v>0</v>
      </c>
      <c r="AO53" s="149">
        <v>5091</v>
      </c>
      <c r="AP53" s="149">
        <v>40645</v>
      </c>
      <c r="AQ53" s="149">
        <v>0</v>
      </c>
      <c r="AR53" s="152">
        <v>0</v>
      </c>
      <c r="AS53" s="149">
        <v>149698</v>
      </c>
      <c r="AT53" s="152">
        <v>2298367</v>
      </c>
      <c r="AU53" s="157">
        <v>1644927</v>
      </c>
      <c r="AV53" s="149">
        <v>571441</v>
      </c>
      <c r="AW53" s="149">
        <v>81999</v>
      </c>
      <c r="AX53" s="151">
        <v>2054</v>
      </c>
      <c r="AY53" s="152">
        <v>179066</v>
      </c>
      <c r="AZ53" s="157">
        <v>0</v>
      </c>
      <c r="BA53" s="152">
        <v>0</v>
      </c>
      <c r="BB53" s="163" t="s">
        <v>222</v>
      </c>
      <c r="BC53" s="157">
        <v>110</v>
      </c>
      <c r="BD53" s="149">
        <v>45888</v>
      </c>
      <c r="BE53" s="158" t="s">
        <v>84</v>
      </c>
      <c r="BF53" s="158" t="s">
        <v>84</v>
      </c>
      <c r="BG53" s="149">
        <v>23</v>
      </c>
      <c r="BH53" s="149">
        <v>2620</v>
      </c>
      <c r="BI53" s="149">
        <v>272</v>
      </c>
      <c r="BJ53" s="149">
        <v>18557</v>
      </c>
      <c r="BK53" s="149">
        <v>2</v>
      </c>
      <c r="BL53" s="149">
        <v>511</v>
      </c>
      <c r="BM53" s="149">
        <v>978</v>
      </c>
      <c r="BN53" s="150">
        <v>27365</v>
      </c>
      <c r="BO53" s="157">
        <v>1385</v>
      </c>
      <c r="BP53" s="149">
        <v>94941</v>
      </c>
      <c r="BQ53" s="156">
        <v>151083</v>
      </c>
      <c r="BR53" s="152">
        <v>2393308</v>
      </c>
      <c r="BS53" s="163" t="s">
        <v>220</v>
      </c>
      <c r="BT53" s="159">
        <v>0.81899999999999995</v>
      </c>
      <c r="BU53" s="160">
        <v>52.162999999999997</v>
      </c>
      <c r="BV53" s="160">
        <v>11.927</v>
      </c>
      <c r="BW53" s="160">
        <v>614.05499999999995</v>
      </c>
      <c r="BX53" s="161">
        <v>10.11</v>
      </c>
      <c r="BY53" s="161">
        <v>1.4</v>
      </c>
      <c r="BZ53" s="161">
        <v>1.77</v>
      </c>
      <c r="CA53" s="161">
        <v>1.58</v>
      </c>
      <c r="CB53" s="162">
        <v>57192</v>
      </c>
      <c r="CC53" s="149">
        <v>13190</v>
      </c>
      <c r="CD53" s="149">
        <v>6828</v>
      </c>
      <c r="CE53" s="152">
        <v>15420</v>
      </c>
    </row>
    <row r="54" spans="2:83" s="184" customFormat="1" ht="15" customHeight="1" x14ac:dyDescent="0.15">
      <c r="B54" s="163" t="s">
        <v>223</v>
      </c>
      <c r="C54" s="150">
        <v>1321</v>
      </c>
      <c r="D54" s="149">
        <v>12140</v>
      </c>
      <c r="E54" s="149">
        <v>693023</v>
      </c>
      <c r="F54" s="149">
        <v>73563</v>
      </c>
      <c r="G54" s="149">
        <v>104039</v>
      </c>
      <c r="H54" s="150">
        <v>852905</v>
      </c>
      <c r="I54" s="149">
        <v>17527</v>
      </c>
      <c r="J54" s="149">
        <v>31263</v>
      </c>
      <c r="K54" s="149">
        <v>223169</v>
      </c>
      <c r="L54" s="149">
        <v>92411</v>
      </c>
      <c r="M54" s="149">
        <v>147442</v>
      </c>
      <c r="N54" s="149">
        <v>1769097</v>
      </c>
      <c r="O54" s="151">
        <v>51788</v>
      </c>
      <c r="P54" s="149">
        <v>61159</v>
      </c>
      <c r="Q54" s="152">
        <v>505923</v>
      </c>
      <c r="R54" s="163" t="s">
        <v>224</v>
      </c>
      <c r="S54" s="153">
        <v>1202</v>
      </c>
      <c r="T54" s="154">
        <v>27703</v>
      </c>
      <c r="U54" s="155">
        <v>18421</v>
      </c>
      <c r="V54" s="153">
        <v>96</v>
      </c>
      <c r="W54" s="154">
        <v>499</v>
      </c>
      <c r="X54" s="154">
        <v>5830</v>
      </c>
      <c r="Y54" s="149">
        <v>144295</v>
      </c>
      <c r="Z54" s="149">
        <v>2299271</v>
      </c>
      <c r="AA54" s="156">
        <v>19</v>
      </c>
      <c r="AB54" s="149">
        <v>53</v>
      </c>
      <c r="AC54" s="149">
        <v>409</v>
      </c>
      <c r="AD54" s="149">
        <v>69</v>
      </c>
      <c r="AE54" s="149">
        <v>2673</v>
      </c>
      <c r="AF54" s="149">
        <v>4592</v>
      </c>
      <c r="AG54" s="149">
        <v>31343</v>
      </c>
      <c r="AH54" s="149">
        <v>82</v>
      </c>
      <c r="AI54" s="152">
        <v>2424</v>
      </c>
      <c r="AJ54" s="163" t="s">
        <v>225</v>
      </c>
      <c r="AK54" s="149">
        <v>111</v>
      </c>
      <c r="AL54" s="149">
        <v>1447</v>
      </c>
      <c r="AM54" s="149">
        <v>0</v>
      </c>
      <c r="AN54" s="149">
        <v>0</v>
      </c>
      <c r="AO54" s="149">
        <v>4907</v>
      </c>
      <c r="AP54" s="149">
        <v>38296</v>
      </c>
      <c r="AQ54" s="149">
        <v>0</v>
      </c>
      <c r="AR54" s="152">
        <v>0</v>
      </c>
      <c r="AS54" s="149">
        <v>149221</v>
      </c>
      <c r="AT54" s="152">
        <v>2337567</v>
      </c>
      <c r="AU54" s="157">
        <v>1674775</v>
      </c>
      <c r="AV54" s="149">
        <v>580670</v>
      </c>
      <c r="AW54" s="149">
        <v>82122</v>
      </c>
      <c r="AX54" s="151">
        <v>2079</v>
      </c>
      <c r="AY54" s="152">
        <v>168125</v>
      </c>
      <c r="AZ54" s="157">
        <v>0</v>
      </c>
      <c r="BA54" s="152">
        <v>0</v>
      </c>
      <c r="BB54" s="163" t="s">
        <v>225</v>
      </c>
      <c r="BC54" s="157">
        <v>118</v>
      </c>
      <c r="BD54" s="149">
        <v>49578</v>
      </c>
      <c r="BE54" s="158" t="s">
        <v>84</v>
      </c>
      <c r="BF54" s="158" t="s">
        <v>84</v>
      </c>
      <c r="BG54" s="149">
        <v>33</v>
      </c>
      <c r="BH54" s="149">
        <v>3460</v>
      </c>
      <c r="BI54" s="149">
        <v>318</v>
      </c>
      <c r="BJ54" s="149">
        <v>25352</v>
      </c>
      <c r="BK54" s="149">
        <v>1</v>
      </c>
      <c r="BL54" s="149">
        <v>117</v>
      </c>
      <c r="BM54" s="149">
        <v>911</v>
      </c>
      <c r="BN54" s="150">
        <v>27908</v>
      </c>
      <c r="BO54" s="157">
        <v>1381</v>
      </c>
      <c r="BP54" s="149">
        <v>106415</v>
      </c>
      <c r="BQ54" s="156">
        <v>150602</v>
      </c>
      <c r="BR54" s="152">
        <v>2443982</v>
      </c>
      <c r="BS54" s="163" t="s">
        <v>225</v>
      </c>
      <c r="BT54" s="159">
        <v>0.92900000000000005</v>
      </c>
      <c r="BU54" s="160">
        <v>51.738</v>
      </c>
      <c r="BV54" s="160">
        <v>12.327</v>
      </c>
      <c r="BW54" s="160">
        <v>599.86</v>
      </c>
      <c r="BX54" s="161">
        <v>9.19</v>
      </c>
      <c r="BY54" s="161">
        <v>1.41</v>
      </c>
      <c r="BZ54" s="161">
        <v>1.78</v>
      </c>
      <c r="CA54" s="161">
        <v>1.6</v>
      </c>
      <c r="CB54" s="162">
        <v>58603</v>
      </c>
      <c r="CC54" s="149">
        <v>13061</v>
      </c>
      <c r="CD54" s="149">
        <v>7138</v>
      </c>
      <c r="CE54" s="152">
        <v>15542</v>
      </c>
    </row>
    <row r="55" spans="2:83" s="184" customFormat="1" ht="15" customHeight="1" thickBot="1" x14ac:dyDescent="0.2">
      <c r="B55" s="164" t="s">
        <v>226</v>
      </c>
      <c r="C55" s="165">
        <v>1278</v>
      </c>
      <c r="D55" s="166">
        <v>12335</v>
      </c>
      <c r="E55" s="166">
        <v>677941</v>
      </c>
      <c r="F55" s="166">
        <v>78530</v>
      </c>
      <c r="G55" s="166">
        <v>115086</v>
      </c>
      <c r="H55" s="165">
        <v>942698</v>
      </c>
      <c r="I55" s="166">
        <v>19093</v>
      </c>
      <c r="J55" s="166">
        <v>35178</v>
      </c>
      <c r="K55" s="166">
        <v>245531</v>
      </c>
      <c r="L55" s="166">
        <v>98901</v>
      </c>
      <c r="M55" s="166">
        <v>162599</v>
      </c>
      <c r="N55" s="166">
        <v>1866170</v>
      </c>
      <c r="O55" s="167">
        <v>55279</v>
      </c>
      <c r="P55" s="166">
        <v>67000</v>
      </c>
      <c r="Q55" s="168">
        <v>580221</v>
      </c>
      <c r="R55" s="164" t="s">
        <v>227</v>
      </c>
      <c r="S55" s="169">
        <v>1172</v>
      </c>
      <c r="T55" s="170">
        <v>28140</v>
      </c>
      <c r="U55" s="171">
        <v>18739</v>
      </c>
      <c r="V55" s="169">
        <v>90</v>
      </c>
      <c r="W55" s="170">
        <v>542</v>
      </c>
      <c r="X55" s="170">
        <v>6203</v>
      </c>
      <c r="Y55" s="166">
        <v>154270</v>
      </c>
      <c r="Z55" s="166">
        <v>2471333</v>
      </c>
      <c r="AA55" s="172">
        <v>14</v>
      </c>
      <c r="AB55" s="166">
        <v>53</v>
      </c>
      <c r="AC55" s="166">
        <v>1019</v>
      </c>
      <c r="AD55" s="166">
        <v>75</v>
      </c>
      <c r="AE55" s="166">
        <v>2997</v>
      </c>
      <c r="AF55" s="166">
        <v>4616</v>
      </c>
      <c r="AG55" s="166">
        <v>31399</v>
      </c>
      <c r="AH55" s="166">
        <v>88</v>
      </c>
      <c r="AI55" s="168">
        <v>2761</v>
      </c>
      <c r="AJ55" s="164" t="s">
        <v>226</v>
      </c>
      <c r="AK55" s="166">
        <v>115</v>
      </c>
      <c r="AL55" s="166">
        <v>1344</v>
      </c>
      <c r="AM55" s="166">
        <v>2</v>
      </c>
      <c r="AN55" s="166">
        <v>5</v>
      </c>
      <c r="AO55" s="166">
        <v>4949</v>
      </c>
      <c r="AP55" s="166">
        <v>39525</v>
      </c>
      <c r="AQ55" s="166">
        <v>0</v>
      </c>
      <c r="AR55" s="168">
        <v>0</v>
      </c>
      <c r="AS55" s="166">
        <v>159233</v>
      </c>
      <c r="AT55" s="168">
        <v>2510858</v>
      </c>
      <c r="AU55" s="173">
        <v>1795465</v>
      </c>
      <c r="AV55" s="166">
        <v>622009</v>
      </c>
      <c r="AW55" s="166">
        <v>93384</v>
      </c>
      <c r="AX55" s="167">
        <v>2039</v>
      </c>
      <c r="AY55" s="168">
        <v>165962</v>
      </c>
      <c r="AZ55" s="173">
        <v>0</v>
      </c>
      <c r="BA55" s="168">
        <v>0</v>
      </c>
      <c r="BB55" s="164" t="s">
        <v>228</v>
      </c>
      <c r="BC55" s="173">
        <v>102</v>
      </c>
      <c r="BD55" s="166">
        <v>42539</v>
      </c>
      <c r="BE55" s="174" t="s">
        <v>84</v>
      </c>
      <c r="BF55" s="174" t="s">
        <v>84</v>
      </c>
      <c r="BG55" s="166">
        <v>28</v>
      </c>
      <c r="BH55" s="166">
        <v>2760</v>
      </c>
      <c r="BI55" s="166">
        <v>302</v>
      </c>
      <c r="BJ55" s="166">
        <v>19681</v>
      </c>
      <c r="BK55" s="166">
        <v>2</v>
      </c>
      <c r="BL55" s="166">
        <v>375</v>
      </c>
      <c r="BM55" s="166">
        <v>985</v>
      </c>
      <c r="BN55" s="165">
        <v>26390</v>
      </c>
      <c r="BO55" s="173">
        <v>1419</v>
      </c>
      <c r="BP55" s="166">
        <v>91745</v>
      </c>
      <c r="BQ55" s="172">
        <v>160652</v>
      </c>
      <c r="BR55" s="168">
        <v>2602603</v>
      </c>
      <c r="BS55" s="164" t="s">
        <v>227</v>
      </c>
      <c r="BT55" s="175">
        <v>0.89800000000000002</v>
      </c>
      <c r="BU55" s="176">
        <v>55.152999999999999</v>
      </c>
      <c r="BV55" s="176">
        <v>13.409000000000001</v>
      </c>
      <c r="BW55" s="176">
        <v>662.06700000000001</v>
      </c>
      <c r="BX55" s="177">
        <v>9.65</v>
      </c>
      <c r="BY55" s="177">
        <v>1.47</v>
      </c>
      <c r="BZ55" s="177">
        <v>1.84</v>
      </c>
      <c r="CA55" s="177">
        <v>1.64</v>
      </c>
      <c r="CB55" s="178">
        <v>56480</v>
      </c>
      <c r="CC55" s="166">
        <v>13233</v>
      </c>
      <c r="CD55" s="166">
        <v>6980</v>
      </c>
      <c r="CE55" s="168">
        <v>15148</v>
      </c>
    </row>
    <row r="56" spans="2:83" ht="13.5" customHeight="1" x14ac:dyDescent="0.15">
      <c r="B56" s="186"/>
      <c r="C56" s="133"/>
      <c r="D56" s="133"/>
      <c r="E56" s="133"/>
      <c r="F56" s="133"/>
      <c r="G56" s="133"/>
      <c r="H56" s="133"/>
      <c r="I56" s="133"/>
      <c r="J56" s="133"/>
      <c r="K56" s="133"/>
      <c r="L56" s="133"/>
      <c r="M56" s="133"/>
      <c r="N56" s="133"/>
      <c r="O56" s="133"/>
      <c r="P56" s="133"/>
      <c r="Q56" s="133"/>
      <c r="R56" s="186"/>
      <c r="S56" s="187"/>
      <c r="T56" s="187"/>
      <c r="U56" s="187"/>
      <c r="V56" s="187"/>
      <c r="W56" s="187"/>
      <c r="X56" s="187"/>
      <c r="Y56" s="133"/>
      <c r="Z56" s="133"/>
      <c r="AA56" s="133"/>
      <c r="AB56" s="133"/>
      <c r="AC56" s="133"/>
      <c r="AD56" s="133"/>
      <c r="AE56" s="133"/>
      <c r="AF56" s="133"/>
      <c r="AG56" s="133"/>
      <c r="AH56" s="133"/>
      <c r="AI56" s="133"/>
      <c r="AJ56" s="186"/>
      <c r="AK56" s="133"/>
      <c r="AL56" s="133"/>
      <c r="AM56" s="133"/>
      <c r="AN56" s="133"/>
      <c r="AO56" s="133"/>
      <c r="AP56" s="133"/>
      <c r="AQ56" s="133"/>
      <c r="AR56" s="133"/>
      <c r="AS56" s="133"/>
      <c r="AT56" s="133"/>
      <c r="AU56" s="133"/>
      <c r="AV56" s="133"/>
      <c r="AW56" s="133"/>
      <c r="AX56" s="133"/>
      <c r="AY56" s="133"/>
      <c r="AZ56" s="133"/>
      <c r="BA56" s="133"/>
      <c r="BB56" s="186"/>
      <c r="BC56" s="133"/>
      <c r="BD56" s="133"/>
      <c r="BE56" s="188"/>
      <c r="BF56" s="188"/>
      <c r="BG56" s="133"/>
      <c r="BH56" s="133"/>
      <c r="BI56" s="133"/>
      <c r="BJ56" s="133"/>
      <c r="BK56" s="133"/>
      <c r="BL56" s="133"/>
      <c r="BM56" s="133"/>
      <c r="BN56" s="133"/>
      <c r="BO56" s="133"/>
      <c r="BP56" s="133"/>
      <c r="BQ56" s="133"/>
      <c r="BR56" s="133"/>
      <c r="BS56" s="224" t="s">
        <v>229</v>
      </c>
      <c r="BT56" s="224"/>
      <c r="BU56" s="224"/>
      <c r="BV56" s="224"/>
      <c r="BW56" s="224"/>
      <c r="BX56" s="224"/>
      <c r="BY56" s="224"/>
      <c r="BZ56" s="224"/>
      <c r="CA56" s="224"/>
      <c r="CB56" s="224"/>
      <c r="CC56" s="224"/>
      <c r="CD56" s="224"/>
      <c r="CE56" s="224"/>
    </row>
    <row r="57" spans="2:83" ht="11.25" customHeight="1" x14ac:dyDescent="0.15">
      <c r="B57" s="189"/>
      <c r="C57" s="133"/>
      <c r="D57" s="133"/>
      <c r="E57" s="133"/>
      <c r="F57" s="133"/>
      <c r="G57" s="133"/>
      <c r="H57" s="133"/>
      <c r="I57" s="133"/>
      <c r="J57" s="133"/>
      <c r="K57" s="133"/>
      <c r="L57" s="133"/>
      <c r="M57" s="133"/>
      <c r="N57" s="133"/>
      <c r="O57" s="133"/>
      <c r="P57" s="133"/>
      <c r="Q57" s="133"/>
      <c r="R57" s="186"/>
      <c r="S57" s="187"/>
      <c r="T57" s="187"/>
      <c r="U57" s="187"/>
      <c r="V57" s="187"/>
      <c r="W57" s="187"/>
      <c r="X57" s="187"/>
      <c r="Y57" s="133"/>
      <c r="Z57" s="133"/>
      <c r="AA57" s="133"/>
      <c r="AB57" s="133"/>
      <c r="AC57" s="133"/>
      <c r="AD57" s="133"/>
      <c r="AE57" s="133"/>
      <c r="AF57" s="133"/>
      <c r="AG57" s="133"/>
      <c r="AH57" s="133"/>
      <c r="AI57" s="133"/>
      <c r="AJ57" s="186"/>
      <c r="AK57" s="133"/>
      <c r="AL57" s="133"/>
      <c r="AM57" s="133"/>
      <c r="AN57" s="133"/>
      <c r="AO57" s="133"/>
      <c r="AP57" s="133"/>
      <c r="AQ57" s="133"/>
      <c r="AR57" s="133"/>
      <c r="AS57" s="133"/>
      <c r="AT57" s="133"/>
      <c r="AU57" s="133"/>
      <c r="AV57" s="133"/>
      <c r="AW57" s="133"/>
      <c r="AX57" s="133"/>
      <c r="AY57" s="133"/>
      <c r="AZ57" s="133"/>
      <c r="BA57" s="133"/>
      <c r="BB57" s="186"/>
      <c r="BC57" s="133"/>
      <c r="BD57" s="133"/>
      <c r="BE57" s="188"/>
      <c r="BF57" s="188"/>
      <c r="BG57" s="133"/>
      <c r="BH57" s="133"/>
      <c r="BI57" s="133"/>
      <c r="BJ57" s="133"/>
      <c r="BK57" s="133"/>
      <c r="BL57" s="133"/>
      <c r="BM57" s="133"/>
      <c r="BN57" s="133"/>
      <c r="BO57" s="133"/>
      <c r="BP57" s="133"/>
      <c r="BQ57" s="133"/>
      <c r="BR57" s="133"/>
      <c r="BS57" s="2" t="s">
        <v>230</v>
      </c>
      <c r="BT57" s="190"/>
      <c r="BU57" s="190"/>
      <c r="BV57" s="190"/>
      <c r="BW57" s="190"/>
      <c r="BX57" s="191"/>
      <c r="BY57" s="191"/>
      <c r="BZ57" s="191"/>
      <c r="CA57" s="191"/>
      <c r="CB57" s="192"/>
      <c r="CC57" s="133"/>
      <c r="CD57" s="133"/>
      <c r="CE57" s="133"/>
    </row>
  </sheetData>
  <mergeCells count="43">
    <mergeCell ref="S3:Z3"/>
    <mergeCell ref="AA3:AI3"/>
    <mergeCell ref="AK3:AP3"/>
    <mergeCell ref="AS3:AT5"/>
    <mergeCell ref="AU3:AW3"/>
    <mergeCell ref="AK4:AP4"/>
    <mergeCell ref="AQ4:AR5"/>
    <mergeCell ref="AU4:AU6"/>
    <mergeCell ref="AV4:AV6"/>
    <mergeCell ref="C5:E5"/>
    <mergeCell ref="F5:H5"/>
    <mergeCell ref="I5:K5"/>
    <mergeCell ref="L5:N5"/>
    <mergeCell ref="AB5:AC5"/>
    <mergeCell ref="O4:Q5"/>
    <mergeCell ref="S4:U5"/>
    <mergeCell ref="V4:X5"/>
    <mergeCell ref="Y4:Z5"/>
    <mergeCell ref="AA4:AA6"/>
    <mergeCell ref="AB4:AI4"/>
    <mergeCell ref="M7:N7"/>
    <mergeCell ref="BM4:BN5"/>
    <mergeCell ref="BO4:BP5"/>
    <mergeCell ref="BT4:BW5"/>
    <mergeCell ref="BX4:CA5"/>
    <mergeCell ref="AW4:AW6"/>
    <mergeCell ref="BC4:BD5"/>
    <mergeCell ref="BE4:BF5"/>
    <mergeCell ref="BG4:BH5"/>
    <mergeCell ref="BI4:BJ5"/>
    <mergeCell ref="BK4:BL5"/>
    <mergeCell ref="AX3:AY5"/>
    <mergeCell ref="AZ3:BA5"/>
    <mergeCell ref="BC3:BP3"/>
    <mergeCell ref="BQ3:BR5"/>
    <mergeCell ref="C3:Q3"/>
    <mergeCell ref="BS56:CE56"/>
    <mergeCell ref="AD5:AE5"/>
    <mergeCell ref="AF5:AG5"/>
    <mergeCell ref="AH5:AI5"/>
    <mergeCell ref="AK5:AL5"/>
    <mergeCell ref="AM5:AN5"/>
    <mergeCell ref="CB4:CE5"/>
  </mergeCells>
  <phoneticPr fontId="3"/>
  <printOptions gridLinesSet="0"/>
  <pageMargins left="0.7" right="0.7" top="0.75" bottom="0.75" header="0.3" footer="0.3"/>
  <pageSetup paperSize="9" scale="77" orientation="landscape" blackAndWhite="1" r:id="rId1"/>
  <headerFooter alignWithMargins="0"/>
  <colBreaks count="4" manualBreakCount="4">
    <brk id="17" max="56" man="1"/>
    <brk id="35" max="56" man="1"/>
    <brk id="53" max="56" man="1"/>
    <brk id="70" max="5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第13表</vt:lpstr>
      <vt:lpstr>第13表!Print_Area</vt:lpstr>
      <vt:lpstr>第13表!Print_Area_MI</vt:lpstr>
      <vt:lpstr>第13表!Print_Titles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5:43:48Z</cp:lastPrinted>
  <dcterms:created xsi:type="dcterms:W3CDTF">2018-03-07T05:30:42Z</dcterms:created>
  <dcterms:modified xsi:type="dcterms:W3CDTF">2018-03-08T05:44:49Z</dcterms:modified>
</cp:coreProperties>
</file>